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231"/>
  <workbookPr defaultThemeVersion="202300"/>
  <mc:AlternateContent xmlns:mc="http://schemas.openxmlformats.org/markup-compatibility/2006">
    <mc:Choice Requires="x15">
      <x15ac:absPath xmlns:x15ac="http://schemas.microsoft.com/office/spreadsheetml/2010/11/ac" url="E:\Documents\s5103\Downloads\"/>
    </mc:Choice>
  </mc:AlternateContent>
  <xr:revisionPtr revIDLastSave="0" documentId="13_ncr:9_{4E6FE1F9-BDDE-4B4D-A0D7-47E7897A37DC}" xr6:coauthVersionLast="47" xr6:coauthVersionMax="47" xr10:uidLastSave="{00000000-0000-0000-0000-000000000000}"/>
  <bookViews>
    <workbookView xWindow="28680" yWindow="-120" windowWidth="29040" windowHeight="15720" xr2:uid="{9E2F6731-53E9-4AB4-BA05-B83DBC9E5F7C}"/>
  </bookViews>
  <sheets>
    <sheet name="マスタ_20251101092543_1680859" sheetId="1" r:id="rId1"/>
  </sheets>
  <definedNames>
    <definedName name="_xlnm._FilterDatabase" localSheetId="0" hidden="1">マスタ_20251101092543_1680859!$A$1:$Y$1</definedName>
  </definedNames>
  <calcPr calcId="0"/>
</workbook>
</file>

<file path=xl/sharedStrings.xml><?xml version="1.0" encoding="utf-8"?>
<sst xmlns="http://schemas.openxmlformats.org/spreadsheetml/2006/main" count="1042093" uniqueCount="7793">
  <si>
    <t>タイプ分類CD</t>
  </si>
  <si>
    <t>タイプ分類</t>
  </si>
  <si>
    <t>ゾーンCD</t>
  </si>
  <si>
    <t>ゾーン</t>
  </si>
  <si>
    <t>店舗CD</t>
  </si>
  <si>
    <t>店舗</t>
  </si>
  <si>
    <t>カテゴリーCD</t>
  </si>
  <si>
    <t>カテゴリー</t>
  </si>
  <si>
    <t>JAN</t>
  </si>
  <si>
    <t>商品名</t>
  </si>
  <si>
    <t>規格</t>
  </si>
  <si>
    <t>メーカー</t>
  </si>
  <si>
    <t>ブランド</t>
  </si>
  <si>
    <t>棚番号</t>
  </si>
  <si>
    <t>棚名称</t>
  </si>
  <si>
    <t>段</t>
  </si>
  <si>
    <t>列</t>
  </si>
  <si>
    <t>フェイス数</t>
  </si>
  <si>
    <t>棚本数</t>
  </si>
  <si>
    <t>陳列</t>
  </si>
  <si>
    <t>棚パターンCD</t>
  </si>
  <si>
    <t>棚パターン名</t>
  </si>
  <si>
    <t>発注形態</t>
  </si>
  <si>
    <t>SMART</t>
  </si>
  <si>
    <t>福岡</t>
  </si>
  <si>
    <t>田村店</t>
  </si>
  <si>
    <t>グローサリー</t>
  </si>
  <si>
    <t>塩</t>
  </si>
  <si>
    <t>アルペンザルツ</t>
  </si>
  <si>
    <t>250g</t>
  </si>
  <si>
    <t>SKWイーストアジア</t>
  </si>
  <si>
    <t>SKWｲｰｽﾄ</t>
  </si>
  <si>
    <t>砂糖・塩</t>
  </si>
  <si>
    <t>九州GO_SM_3尺1本_1800_田村</t>
  </si>
  <si>
    <t>*******</t>
  </si>
  <si>
    <t>香辛料</t>
  </si>
  <si>
    <t>クレイジーソルト</t>
  </si>
  <si>
    <t>100g</t>
  </si>
  <si>
    <t>日本緑茶センター</t>
  </si>
  <si>
    <t>ﾆﾎﾝﾘｮｸﾁｬｾﾝ</t>
  </si>
  <si>
    <t>砂糖</t>
  </si>
  <si>
    <t>オリゴ糖</t>
  </si>
  <si>
    <t>1000g</t>
  </si>
  <si>
    <t>光商</t>
  </si>
  <si>
    <t>ｺｳｼｮｳ</t>
  </si>
  <si>
    <t>オリゴのおかげ</t>
  </si>
  <si>
    <t>300g</t>
  </si>
  <si>
    <t>パールエース</t>
  </si>
  <si>
    <t>ﾊﾟ-ﾙｴ-ｽ</t>
  </si>
  <si>
    <t>浅田飴シュガーカットS</t>
  </si>
  <si>
    <t>450g</t>
  </si>
  <si>
    <t>浅田飴</t>
  </si>
  <si>
    <t>ｱｻﾀﾞｱﾒ</t>
  </si>
  <si>
    <t>フロストシュガ-スタンドパック</t>
  </si>
  <si>
    <t>日新製糖</t>
  </si>
  <si>
    <t>ﾆｯｼﾝｾｲﾄｳ</t>
  </si>
  <si>
    <t>食卓塩</t>
  </si>
  <si>
    <t>公益財団法人塩事業センター</t>
  </si>
  <si>
    <t>ｼｵｼﾞｷﾞｮｳC</t>
  </si>
  <si>
    <t>伯方の塩焼塩</t>
  </si>
  <si>
    <t>80g</t>
  </si>
  <si>
    <t>伯方塩業</t>
  </si>
  <si>
    <t>ﾊｶﾀｴﾝｷﾞｮｳ</t>
  </si>
  <si>
    <t>アジしお瓶</t>
  </si>
  <si>
    <t>110g</t>
  </si>
  <si>
    <t>籠長本店</t>
  </si>
  <si>
    <t>ｱｼﾞﾉﾓﾄ</t>
  </si>
  <si>
    <t>アジしお袋</t>
  </si>
  <si>
    <t>味の素</t>
  </si>
  <si>
    <t>アジパンダ瓶</t>
  </si>
  <si>
    <t>70g</t>
  </si>
  <si>
    <t>50g</t>
  </si>
  <si>
    <t>いの一番</t>
  </si>
  <si>
    <t>ＭＣフードスペシャリティーズ</t>
  </si>
  <si>
    <t>MCﾌｰﾄﾞ</t>
  </si>
  <si>
    <t>うま味だしハイミー</t>
  </si>
  <si>
    <t>35g</t>
  </si>
  <si>
    <t>黒砂糖</t>
  </si>
  <si>
    <t>400g</t>
  </si>
  <si>
    <t>タカイ</t>
  </si>
  <si>
    <t>ﾀｶｲ</t>
  </si>
  <si>
    <t>粉末黒砂糖</t>
  </si>
  <si>
    <t>釜焚島砂糖</t>
  </si>
  <si>
    <t>500g</t>
  </si>
  <si>
    <t>薩南製糖</t>
  </si>
  <si>
    <t>ｻﾂﾅﾝｾｲﾄｳ</t>
  </si>
  <si>
    <t>カップ印きび砂糖</t>
  </si>
  <si>
    <t>750g</t>
  </si>
  <si>
    <t>ｳｪﾙﾈｵｼｭｶﾞｰ</t>
  </si>
  <si>
    <t>国産さとうきび糖</t>
  </si>
  <si>
    <t>600g</t>
  </si>
  <si>
    <t>三井製糖</t>
  </si>
  <si>
    <t>ﾐﾂｲｾｲﾄｳ</t>
  </si>
  <si>
    <t>てんさいのお砂糖</t>
  </si>
  <si>
    <t>大東製糖</t>
  </si>
  <si>
    <t>ﾀﾞｲﾄｳｾｲﾄｳ</t>
  </si>
  <si>
    <t>氷砂糖</t>
  </si>
  <si>
    <t>鳳氷糖</t>
  </si>
  <si>
    <t>ｵｵﾄﾘﾋｮｳﾄｳ</t>
  </si>
  <si>
    <t>食塩</t>
  </si>
  <si>
    <t>マルニエンリッチ塩</t>
  </si>
  <si>
    <t>470g</t>
  </si>
  <si>
    <t>マルニ</t>
  </si>
  <si>
    <t>ﾏﾙﾆ</t>
  </si>
  <si>
    <t>クッキングソルト</t>
  </si>
  <si>
    <t>800g</t>
  </si>
  <si>
    <t>伯方の塩</t>
  </si>
  <si>
    <t>三温糖</t>
  </si>
  <si>
    <t>大日本明治製糖</t>
  </si>
  <si>
    <t>ﾀﾞｲﾆﾎﾝﾒｲｼﾞ</t>
  </si>
  <si>
    <t>バラ印中双糖</t>
  </si>
  <si>
    <t>バラ印グラニュー糖</t>
  </si>
  <si>
    <t>上白糖</t>
  </si>
  <si>
    <t>5000g</t>
  </si>
  <si>
    <t>酢</t>
  </si>
  <si>
    <t>ポッカレモン100</t>
  </si>
  <si>
    <t>70ml</t>
  </si>
  <si>
    <t>ポッカサッポロフード＆ビバレッジ</t>
  </si>
  <si>
    <t>ﾎﾟｯｶｻｯﾎﾟﾛ</t>
  </si>
  <si>
    <t>ポン酢・酢・みりん・料理酒</t>
  </si>
  <si>
    <t>九州GO_SM_3尺2本_1800</t>
  </si>
  <si>
    <t>レモン果汁20%</t>
  </si>
  <si>
    <t>200ml</t>
  </si>
  <si>
    <t>トマトコーポレーション</t>
  </si>
  <si>
    <t>ﾄﾏﾄCorp</t>
  </si>
  <si>
    <t>450ml</t>
  </si>
  <si>
    <t>まるごと搾ったシークワーサー</t>
  </si>
  <si>
    <t>300ml</t>
  </si>
  <si>
    <t>沖縄海星物産</t>
  </si>
  <si>
    <t>ｵｷﾅﾜｶｲｾｲ</t>
  </si>
  <si>
    <t>たれ</t>
  </si>
  <si>
    <t>サンキスト100%レモン</t>
  </si>
  <si>
    <t>500ml</t>
  </si>
  <si>
    <t>Mizkan</t>
  </si>
  <si>
    <t>ﾐﾂｶﾝ</t>
  </si>
  <si>
    <t>だしのきいたまろやかなお酢</t>
  </si>
  <si>
    <t>創味食品</t>
  </si>
  <si>
    <t>ｿｳﾐｼｮｸﾋﾝ</t>
  </si>
  <si>
    <t>なますの酢</t>
  </si>
  <si>
    <t>オタフクソース</t>
  </si>
  <si>
    <t>ｵﾀﾌｸｿ-ｽ</t>
  </si>
  <si>
    <t>南蛮漬の酢</t>
  </si>
  <si>
    <t>酢のもの酢土佐酢</t>
  </si>
  <si>
    <t>150ml</t>
  </si>
  <si>
    <t>昆布だし入り甘酢</t>
  </si>
  <si>
    <t>バルサミコ</t>
  </si>
  <si>
    <t>250ml</t>
  </si>
  <si>
    <t>白ワインビネガー</t>
  </si>
  <si>
    <t>べんりなお酢</t>
  </si>
  <si>
    <t>トライアルカンパニー</t>
  </si>
  <si>
    <t>ﾄﾗｲｱﾙ</t>
  </si>
  <si>
    <t>カンタン酢</t>
  </si>
  <si>
    <t>カンタン黒酢</t>
  </si>
  <si>
    <t>カンタン酢レモン</t>
  </si>
  <si>
    <t>すし酢あまくち青</t>
  </si>
  <si>
    <t>360ml</t>
  </si>
  <si>
    <t>すし酢昆布だし</t>
  </si>
  <si>
    <t>純玄米黒酢</t>
  </si>
  <si>
    <t>鹿児島の黒酢</t>
  </si>
  <si>
    <t>坂元醸造</t>
  </si>
  <si>
    <t>ｻｶﾓﾄ</t>
  </si>
  <si>
    <t>やさしいお酢</t>
  </si>
  <si>
    <t>穀物酢</t>
  </si>
  <si>
    <t>米酢</t>
  </si>
  <si>
    <t>りんご酢</t>
  </si>
  <si>
    <t>ダイエットタマノイ</t>
  </si>
  <si>
    <t>ﾀﾏﾉｲｽ</t>
  </si>
  <si>
    <t>純りんご酢</t>
  </si>
  <si>
    <t>純米酢</t>
  </si>
  <si>
    <t>りんご黒酢ストレート</t>
  </si>
  <si>
    <t>1000ml</t>
  </si>
  <si>
    <t>りんご黒酢カロリーゼロ</t>
  </si>
  <si>
    <t>マインズ黒酢ドリンク</t>
  </si>
  <si>
    <t>ブルーベリー黒酢ストレート</t>
  </si>
  <si>
    <t>ブルーベリー黒酢カロリーゼロ</t>
  </si>
  <si>
    <t>ヨーグルト黒酢ストレート</t>
  </si>
  <si>
    <t>フルーティスざくろラズベリーストレート</t>
  </si>
  <si>
    <t>フルーティスリッチマンゴーピーチ</t>
  </si>
  <si>
    <t>レモンの酢</t>
  </si>
  <si>
    <t>フルーティスざくろラズベリー</t>
  </si>
  <si>
    <t>350ml</t>
  </si>
  <si>
    <t>ブルーベリー黒酢</t>
  </si>
  <si>
    <t>りんご黒酢</t>
  </si>
  <si>
    <t>すっきりりんご酢</t>
  </si>
  <si>
    <t>内堀醸造フルーツビネガーりんご</t>
  </si>
  <si>
    <t>内堀醸造</t>
  </si>
  <si>
    <t>ｳﾁﾎﾞﾘ</t>
  </si>
  <si>
    <t>内堀美濃有機純りんご酢</t>
  </si>
  <si>
    <t>美酢ざくろ</t>
  </si>
  <si>
    <t>900ml</t>
  </si>
  <si>
    <t>ＣＪ_ＦＯＯＤＳ_ＪＡＰＡＮ</t>
  </si>
  <si>
    <t>CJｼﾞｬﾊﾟﾝ</t>
  </si>
  <si>
    <t>美酢アセロラ</t>
  </si>
  <si>
    <t>シージェイジャパン</t>
  </si>
  <si>
    <t>美酢パイナップル</t>
  </si>
  <si>
    <t>美酢マスカット</t>
  </si>
  <si>
    <t>シャインマスカットとりんご酢</t>
  </si>
  <si>
    <t>ポン酢</t>
  </si>
  <si>
    <t>カボ酢果汁</t>
  </si>
  <si>
    <t>大分千歳村農産加工</t>
  </si>
  <si>
    <t>ｵｵｲﾀﾁﾄｾﾑﾗ</t>
  </si>
  <si>
    <t>ゆずぽん</t>
  </si>
  <si>
    <t>味ぽん</t>
  </si>
  <si>
    <t>かけぽん</t>
  </si>
  <si>
    <t>400ml</t>
  </si>
  <si>
    <t>チョーコー醤油</t>
  </si>
  <si>
    <t>ﾁｮｰｺｰｼｮｳﾕ</t>
  </si>
  <si>
    <t>牡蠣だしぽん酢</t>
  </si>
  <si>
    <t>ヒガシマル醤油</t>
  </si>
  <si>
    <t>ﾋｶﾞｼﾏﾙｼｮｳﾕ</t>
  </si>
  <si>
    <t>博多華味鳥博多ぽん酢</t>
  </si>
  <si>
    <t>トリゼンフーズ</t>
  </si>
  <si>
    <t>ﾄﾘｾﾞﾝﾌｰｽﾞ</t>
  </si>
  <si>
    <t>馬路村ポン酢しょうゆゆずの村</t>
  </si>
  <si>
    <t>馬路村農業協同組合</t>
  </si>
  <si>
    <t>ｳﾏｼﾞﾑﾗ</t>
  </si>
  <si>
    <t>旭ぽん酢</t>
  </si>
  <si>
    <t>旭食品</t>
  </si>
  <si>
    <t>ｱｻﾋｼｮｸﾋﾝ</t>
  </si>
  <si>
    <t>味ぽんMILD</t>
  </si>
  <si>
    <t>ごまぽん</t>
  </si>
  <si>
    <t>ポンズ香りの蔵ゆず</t>
  </si>
  <si>
    <t>昆布ぽん酢</t>
  </si>
  <si>
    <t>ヤマサ醤油</t>
  </si>
  <si>
    <t>ﾔﾏｻｼｮｳﾕ</t>
  </si>
  <si>
    <t>ポン酢かぼす</t>
  </si>
  <si>
    <t>富士甚醤油</t>
  </si>
  <si>
    <t>ﾌｼﾞｼﾞﾝｼｮｳﾕ</t>
  </si>
  <si>
    <t>ごま風味ぽん酢</t>
  </si>
  <si>
    <t>フンドーキン醤油</t>
  </si>
  <si>
    <t>ﾌﾝﾄﾞ-ｷﾝ</t>
  </si>
  <si>
    <t>まる生ぽん酢</t>
  </si>
  <si>
    <t>360g</t>
  </si>
  <si>
    <t>しぼりたて生ぽんず</t>
  </si>
  <si>
    <t>キッコーマン食品</t>
  </si>
  <si>
    <t>ｷｯｺｰﾏﾝ</t>
  </si>
  <si>
    <t>600ml</t>
  </si>
  <si>
    <t>かおりの蔵丸搾りゆず</t>
  </si>
  <si>
    <t>720ml</t>
  </si>
  <si>
    <t>カボスぽん酢</t>
  </si>
  <si>
    <t>みりん・料理酒</t>
  </si>
  <si>
    <t>新味料醇良</t>
  </si>
  <si>
    <t>キング醸造</t>
  </si>
  <si>
    <t>ｷﾝｸﾞｼﾞｮｳｿﾞ</t>
  </si>
  <si>
    <t>料理酒醇良</t>
  </si>
  <si>
    <t>ほんてりみりん風調味料</t>
  </si>
  <si>
    <t>料理酒</t>
  </si>
  <si>
    <t>酒</t>
  </si>
  <si>
    <t>料理用酒</t>
  </si>
  <si>
    <t>国産米料理の清酒ペット</t>
  </si>
  <si>
    <t>本みりん贅沢米麹国産米100%500ml</t>
  </si>
  <si>
    <t>500ML</t>
  </si>
  <si>
    <t>宝酒造</t>
  </si>
  <si>
    <t>ﾀｶﾗｼｭｿﾞｳ</t>
  </si>
  <si>
    <t>タカラ　本みりん　醇良　ペット</t>
  </si>
  <si>
    <t>ゆずポン酢</t>
  </si>
  <si>
    <t>タカラ本みりん醇良ペット</t>
  </si>
  <si>
    <t>味三味みりんタイプ</t>
  </si>
  <si>
    <t>味三味料理酒</t>
  </si>
  <si>
    <t>純米料理酒</t>
  </si>
  <si>
    <t>料理のための清酒糖質0パック</t>
  </si>
  <si>
    <t>タカラ　料理のための清酒　パック</t>
  </si>
  <si>
    <t>みりんタイプ</t>
  </si>
  <si>
    <t>1800ml</t>
  </si>
  <si>
    <t>ワダカン</t>
  </si>
  <si>
    <t>ﾜﾀﾞｶﾝ</t>
  </si>
  <si>
    <t>本みりん1.8L</t>
  </si>
  <si>
    <t>住乃井酒造</t>
  </si>
  <si>
    <t>ｽﾐﾉｲｼｭｿﾞｳ</t>
  </si>
  <si>
    <t>サン・フーズ</t>
  </si>
  <si>
    <t>ｻﾝﾌｰｽﾞ</t>
  </si>
  <si>
    <t>タカラ料理のための清酒パック</t>
  </si>
  <si>
    <t>800ml</t>
  </si>
  <si>
    <t>つゆ</t>
  </si>
  <si>
    <t>プチッと鍋寄せ鍋</t>
  </si>
  <si>
    <t>138g</t>
  </si>
  <si>
    <t>エバラ食品工業</t>
  </si>
  <si>
    <t>ｴﾊﾞﾗｼｮｸﾋﾝ</t>
  </si>
  <si>
    <t>九州GO_SM_3尺1本1800</t>
  </si>
  <si>
    <t>プチッと鍋キムチ鍋</t>
  </si>
  <si>
    <t>23g×6P</t>
  </si>
  <si>
    <t>プチッと鍋ちゃんこ鍋</t>
  </si>
  <si>
    <t>プチッと鍋とんこつしょうゆ鍋</t>
  </si>
  <si>
    <t>プチッと鍋濃厚みそ鍋</t>
  </si>
  <si>
    <t>40g×4P</t>
  </si>
  <si>
    <t>プチッと鍋地鶏だしゆず塩鍋</t>
  </si>
  <si>
    <t>22g×6P</t>
  </si>
  <si>
    <t>もつ鍋スープ醤油</t>
  </si>
  <si>
    <t>ダイショー</t>
  </si>
  <si>
    <t>ﾀﾞｲｼｮｰ</t>
  </si>
  <si>
    <t>もつ鍋スープ味噌</t>
  </si>
  <si>
    <t>博多水炊きスープ</t>
  </si>
  <si>
    <t>博多一双鍋スープ</t>
  </si>
  <si>
    <t>720g</t>
  </si>
  <si>
    <t>イチビキ</t>
  </si>
  <si>
    <t>ｲﾁﾋﾞｷ</t>
  </si>
  <si>
    <t>名店監修鍋一風堂博多とんこつ赤丸新味</t>
  </si>
  <si>
    <t>700g</t>
  </si>
  <si>
    <t>名店監修鍋すみれ札幌濃厚みそ味</t>
  </si>
  <si>
    <t>〆まで美味しいごま豆乳鍋</t>
  </si>
  <si>
    <t>〆まで美味しいキムチ鍋つゆ</t>
  </si>
  <si>
    <t>〆まで美味しい寄せ鍋つゆ</t>
  </si>
  <si>
    <t>〆まで美味しい焼あごだし鍋つゆ</t>
  </si>
  <si>
    <t>〆まで美味しい地鶏昆布だし鍋つゆ</t>
  </si>
  <si>
    <t>〆まで美味しいとんこつしょうゆ鍋</t>
  </si>
  <si>
    <t>キムチ鍋つゆ</t>
  </si>
  <si>
    <t>桃宝食品</t>
  </si>
  <si>
    <t>ﾄｳﾎｳｼｮｸﾋﾝ</t>
  </si>
  <si>
    <t>ゆず塩鍋つゆ</t>
  </si>
  <si>
    <t>寄せ鍋つゆ</t>
  </si>
  <si>
    <t>こく旨みそ鍋つゆ</t>
  </si>
  <si>
    <t>ごま豆乳鍋つゆ</t>
  </si>
  <si>
    <t>割烹白だし</t>
  </si>
  <si>
    <t>ヤマキ</t>
  </si>
  <si>
    <t>ﾔﾏｷ</t>
  </si>
  <si>
    <t>プロが使う味白だし</t>
  </si>
  <si>
    <t>めんつゆ</t>
  </si>
  <si>
    <t>追いがつおつゆ2倍</t>
  </si>
  <si>
    <t>高千穂峡つゆうまくち</t>
  </si>
  <si>
    <t>ヤマエ久野</t>
  </si>
  <si>
    <t>ﾔﾏｴﾋｻﾉ</t>
  </si>
  <si>
    <t>昆布つゆ</t>
  </si>
  <si>
    <t>料亭白だし</t>
  </si>
  <si>
    <t>ニビシ醤油</t>
  </si>
  <si>
    <t>ﾆﾋﾞｼｼｮｳﾕ</t>
  </si>
  <si>
    <t>白だし</t>
  </si>
  <si>
    <t>しょうゆ</t>
  </si>
  <si>
    <t>しぼりたて生しょうゆミニパック</t>
  </si>
  <si>
    <t>4ml×10P</t>
  </si>
  <si>
    <t>小型九州3尺1本_1800田村</t>
  </si>
  <si>
    <t>ミニボトルかつお醤油</t>
  </si>
  <si>
    <t>80ml</t>
  </si>
  <si>
    <t>特選丸大豆しょうゆ卓上瓶</t>
  </si>
  <si>
    <t>かけしょうゆ</t>
  </si>
  <si>
    <t>高嶺さしみ醤油</t>
  </si>
  <si>
    <t>さしみ醤油</t>
  </si>
  <si>
    <t>うまくちしょうゆ</t>
  </si>
  <si>
    <t>あまくておいしい醤油</t>
  </si>
  <si>
    <t>あまくておいしいさしみ醤油</t>
  </si>
  <si>
    <t>おさしみ生しょうゆ</t>
  </si>
  <si>
    <t>いつでも新鮮九州さしみ甘口しょうゆ</t>
  </si>
  <si>
    <t>いつでも新鮮しぼりたて生しょうゆ</t>
  </si>
  <si>
    <t>削りたて鰹節香る醤油</t>
  </si>
  <si>
    <t>200g</t>
  </si>
  <si>
    <t>いつでも新鮮旨み豊かな昆布しょうゆ</t>
  </si>
  <si>
    <t>いつでも新鮮九州うまくちまろやかしょうゆ</t>
  </si>
  <si>
    <t>いつでも新鮮味わいリッチ減塩醤油</t>
  </si>
  <si>
    <t>いつでも新鮮塩分ひかえめ丸大豆生しょうゆ</t>
  </si>
  <si>
    <t>いつでも新鮮特選丸大豆減塩しょうゆ</t>
  </si>
  <si>
    <t>いつでも新鮮丸大豆生しょうゆ</t>
  </si>
  <si>
    <t>まろやかしょうゆ</t>
  </si>
  <si>
    <t>ニッショウフーズ</t>
  </si>
  <si>
    <t>ﾆｯｼｮｳﾌｰｽﾞ</t>
  </si>
  <si>
    <t>減塩しょうゆ</t>
  </si>
  <si>
    <t>あまくちしょうゆ</t>
  </si>
  <si>
    <t>こいくちしょうゆ</t>
  </si>
  <si>
    <t>まろやか丸大豆醤油</t>
  </si>
  <si>
    <t>上級うまくち醤油</t>
  </si>
  <si>
    <t>特級うまくちしょうゆ</t>
  </si>
  <si>
    <t>マルヱ醤油</t>
  </si>
  <si>
    <t>ﾏﾙｴｼｮｳﾕ</t>
  </si>
  <si>
    <t>特級うまくち醤油</t>
  </si>
  <si>
    <t>うすくちしょうゆ</t>
  </si>
  <si>
    <t>醤油</t>
  </si>
  <si>
    <t>1500ml</t>
  </si>
  <si>
    <t>みそ</t>
  </si>
  <si>
    <t>甘口もろみ</t>
  </si>
  <si>
    <t>150g</t>
  </si>
  <si>
    <t>九州GO_SM_3尺1本1800_田村</t>
  </si>
  <si>
    <t>お手軽カップ金山寺みそ</t>
  </si>
  <si>
    <t>90g</t>
  </si>
  <si>
    <t>ますやみそ</t>
  </si>
  <si>
    <t>ﾏｽﾔﾐｿ</t>
  </si>
  <si>
    <t>漬物の素</t>
  </si>
  <si>
    <t>プラス糀生塩糀</t>
  </si>
  <si>
    <t>マルコメ</t>
  </si>
  <si>
    <t>ﾏﾙｺﾒ</t>
  </si>
  <si>
    <t>いりこみそ</t>
  </si>
  <si>
    <t>田楽みそ</t>
  </si>
  <si>
    <t>辛し酢みそ</t>
  </si>
  <si>
    <t>40g×3P</t>
  </si>
  <si>
    <t>酢みそ</t>
  </si>
  <si>
    <t>八丁赤だし</t>
  </si>
  <si>
    <t>八丁味噌</t>
  </si>
  <si>
    <t>ﾊｯﾁｮｳﾐｿ</t>
  </si>
  <si>
    <t>白みそ</t>
  </si>
  <si>
    <t>液みそ料亭の味</t>
  </si>
  <si>
    <t>430g</t>
  </si>
  <si>
    <t>液みそ料亭の味減塩</t>
  </si>
  <si>
    <t>液みそ健康みそ汁</t>
  </si>
  <si>
    <t>野菜たっぷり味汁の具</t>
  </si>
  <si>
    <t>56g</t>
  </si>
  <si>
    <t>カネタ・ツーワン</t>
  </si>
  <si>
    <t>ｶﾈﾀﾂｰﾜﾝ</t>
  </si>
  <si>
    <t>味噌汁の具ほうれん草と高野豆腐</t>
  </si>
  <si>
    <t>41g</t>
  </si>
  <si>
    <t>生詰あわせみそ</t>
  </si>
  <si>
    <t>850g</t>
  </si>
  <si>
    <t>生詰減塩あわせみそ</t>
  </si>
  <si>
    <t>丸の内タニタ食堂の減塩みそ</t>
  </si>
  <si>
    <t>650g</t>
  </si>
  <si>
    <t>糀美人生糀みそ無添加</t>
  </si>
  <si>
    <t>だし入り味噌カップ</t>
  </si>
  <si>
    <t>ふるさとの朝合わせこうじ</t>
  </si>
  <si>
    <t>里ごころ合わせみそ</t>
  </si>
  <si>
    <t>里ごころ合わせすりみそ</t>
  </si>
  <si>
    <t>マルコメ君こし</t>
  </si>
  <si>
    <t>マルコメ君合わせ</t>
  </si>
  <si>
    <t>料亭の味</t>
  </si>
  <si>
    <t>料亭の味あごだし</t>
  </si>
  <si>
    <t>生きてるあわせみそ</t>
  </si>
  <si>
    <t>里ごころ合わせこうじ</t>
  </si>
  <si>
    <t>島原みそ</t>
  </si>
  <si>
    <t>島原みそ醸造元</t>
  </si>
  <si>
    <t>ｼﾏﾊﾞﾗﾐｿ</t>
  </si>
  <si>
    <t>一休さん</t>
  </si>
  <si>
    <t>だし入り田舎みそ袋</t>
  </si>
  <si>
    <t>田舎米みそ</t>
  </si>
  <si>
    <t>里こころビッグカップ</t>
  </si>
  <si>
    <t>2000g</t>
  </si>
  <si>
    <t>ジャンボあわせカップ</t>
  </si>
  <si>
    <t>油</t>
  </si>
  <si>
    <t>ピュアグレープシードオイル</t>
  </si>
  <si>
    <t>日清オイリオグループ</t>
  </si>
  <si>
    <t>ﾆｯｼﾝｵｲﾘｵ</t>
  </si>
  <si>
    <t>ボスコエキストラバージンオリーブオイル</t>
  </si>
  <si>
    <t>145g</t>
  </si>
  <si>
    <t>MCTオイルHC</t>
  </si>
  <si>
    <t>ﾆﾂｼﾝｵｲﾘｵ</t>
  </si>
  <si>
    <t>日清アマニ油</t>
  </si>
  <si>
    <t>320g</t>
  </si>
  <si>
    <t>日清有機えごま油</t>
  </si>
  <si>
    <t>油っこくない炒め油1/2</t>
  </si>
  <si>
    <t>純製ラード</t>
  </si>
  <si>
    <t>ベル食品</t>
  </si>
  <si>
    <t>ﾍﾞﾙｼｮｸﾋﾝ</t>
  </si>
  <si>
    <t>日清キャノーラ＆オリーブ</t>
  </si>
  <si>
    <t>350g</t>
  </si>
  <si>
    <t>やさしく香るエキストラバージンオリーブオイル</t>
  </si>
  <si>
    <t>ボスコオリーブオイル</t>
  </si>
  <si>
    <t>456g</t>
  </si>
  <si>
    <t>ヘルシーごま香油</t>
  </si>
  <si>
    <t>130g</t>
  </si>
  <si>
    <t>ヘルシーごま油</t>
  </si>
  <si>
    <t>純正香りひき立つごま油</t>
  </si>
  <si>
    <t>純正ごま油</t>
  </si>
  <si>
    <t>かどや製油</t>
  </si>
  <si>
    <t>ｶﾄﾞﾔｾｲﾕ</t>
  </si>
  <si>
    <t>キャノーラ油</t>
  </si>
  <si>
    <t>こめ油</t>
  </si>
  <si>
    <t>一番搾りべに花油ペット</t>
  </si>
  <si>
    <t>MCTリセッタ</t>
  </si>
  <si>
    <t>キャノーラ油ナチュメイド</t>
  </si>
  <si>
    <t>900g</t>
  </si>
  <si>
    <t>キャノーラ油ヘルシーライト</t>
  </si>
  <si>
    <t>ヘルシーべジオイル</t>
  </si>
  <si>
    <t>ヘルシーオフ</t>
  </si>
  <si>
    <t>1300g</t>
  </si>
  <si>
    <t>サラダ油</t>
  </si>
  <si>
    <t>1500g</t>
  </si>
  <si>
    <t>エクストラバージンオリーブオイル</t>
  </si>
  <si>
    <t>1l</t>
  </si>
  <si>
    <t>トゥーバトレーディング</t>
  </si>
  <si>
    <t>ﾄｳｰﾊﾞﾄﾚｰﾃﾞ</t>
  </si>
  <si>
    <t>ドレッシング</t>
  </si>
  <si>
    <t>クルトン</t>
  </si>
  <si>
    <t>16g</t>
  </si>
  <si>
    <t>キユーピー</t>
  </si>
  <si>
    <t>ｷﾕｰﾋﾟｰ</t>
  </si>
  <si>
    <t>フライドガーリック</t>
  </si>
  <si>
    <t>10g</t>
  </si>
  <si>
    <t>フライドオニオン</t>
  </si>
  <si>
    <t>北海道コーンホール</t>
  </si>
  <si>
    <t>ヤングコーン</t>
  </si>
  <si>
    <t>ｷｭｰﾋﾟｰ</t>
  </si>
  <si>
    <t>マッシュルーム</t>
  </si>
  <si>
    <t>ブラックオリーブ</t>
  </si>
  <si>
    <t>25g</t>
  </si>
  <si>
    <t>素材缶詰・瓶詰</t>
  </si>
  <si>
    <t>ピクルスガーキン</t>
  </si>
  <si>
    <t>40g</t>
  </si>
  <si>
    <t>うずら卵水煮</t>
  </si>
  <si>
    <t>6個入</t>
  </si>
  <si>
    <t>ノンオイル和風ごま</t>
  </si>
  <si>
    <t>380ml</t>
  </si>
  <si>
    <t>ノンオイル青じそ</t>
  </si>
  <si>
    <t>リケンのノンオイル青じそ</t>
  </si>
  <si>
    <t>理研ビタミン</t>
  </si>
  <si>
    <t>ﾘｹﾝﾋﾞﾀﾐﾝ</t>
  </si>
  <si>
    <t>リケンのノンオイルくせになるうま塩</t>
  </si>
  <si>
    <t>190ml</t>
  </si>
  <si>
    <t>青じそドレッシング</t>
  </si>
  <si>
    <t>イカリソース</t>
  </si>
  <si>
    <t>ｲｶﾘｿ-ｽ</t>
  </si>
  <si>
    <t>野菜のドレスごま</t>
  </si>
  <si>
    <t>和風たまねぎドレッシング</t>
  </si>
  <si>
    <t>ドレッシングダイエットクリーミーシーザー</t>
  </si>
  <si>
    <t>185ml</t>
  </si>
  <si>
    <t>ドレッシングダイエット黒酢たまねぎ</t>
  </si>
  <si>
    <t>アマニ油ドレッシングこく和風</t>
  </si>
  <si>
    <t>160ml</t>
  </si>
  <si>
    <t>アマニ油ドレッシング焙煎香味ゴマ</t>
  </si>
  <si>
    <t>和風しょうゆドレッシング</t>
  </si>
  <si>
    <t>280ml</t>
  </si>
  <si>
    <t>ピエトロ</t>
  </si>
  <si>
    <t>ﾋﾟｴﾄﾛ</t>
  </si>
  <si>
    <t>ドレッシンググリーン</t>
  </si>
  <si>
    <t>九州を味わうゆずドレッシング</t>
  </si>
  <si>
    <t>九州を味わうたまねぎドレッシング</t>
  </si>
  <si>
    <t>野菜サラダのたれごま</t>
  </si>
  <si>
    <t>叙々苑</t>
  </si>
  <si>
    <t>ｼﾞｮｼﾞｮｴﾝ</t>
  </si>
  <si>
    <t>深煎り焙煎ごまドレッシング</t>
  </si>
  <si>
    <t>420ml</t>
  </si>
  <si>
    <t>糖質オフ深煎り焙煎ごまドレ</t>
  </si>
  <si>
    <t>深煎りごまドレッシング</t>
  </si>
  <si>
    <t>180ml</t>
  </si>
  <si>
    <t>シーザーサラダドレッシング</t>
  </si>
  <si>
    <t>すりおろしオニオンドレッシング</t>
  </si>
  <si>
    <t>ごま油＆ガーリックドレッシング</t>
  </si>
  <si>
    <t>テイスティドレッシング黒酢たまねぎ</t>
  </si>
  <si>
    <t>210ml</t>
  </si>
  <si>
    <t>テイスティドレッシング和風香味たまねぎ</t>
  </si>
  <si>
    <t>テイスティドレッシングイタリアン</t>
  </si>
  <si>
    <t>テイスティドレッシング胡麻＆アーモンド</t>
  </si>
  <si>
    <t>和風醤油ごま入ドレッシング</t>
  </si>
  <si>
    <t>イタリアンドレッシング</t>
  </si>
  <si>
    <t>1000アイランドドレッシング</t>
  </si>
  <si>
    <t>和風醤油ごまドレッシング</t>
  </si>
  <si>
    <t>中華ドレッシング</t>
  </si>
  <si>
    <t>コールスロードレッシング</t>
  </si>
  <si>
    <t>フレンチドレッシング</t>
  </si>
  <si>
    <t>焙煎ごまドレッシング</t>
  </si>
  <si>
    <t>和風玉葱ドレッシング</t>
  </si>
  <si>
    <t>焙煎ドレッシング</t>
  </si>
  <si>
    <t>970ml</t>
  </si>
  <si>
    <t>焙煎胡麻ドレッシング</t>
  </si>
  <si>
    <t>ゆふいんの森和風ドレッシング</t>
  </si>
  <si>
    <t>580ml</t>
  </si>
  <si>
    <t>ケチャップ</t>
  </si>
  <si>
    <t>完熟カットトマト缶</t>
  </si>
  <si>
    <t>ﾄｩﾊﾞﾄﾚﾃﾞｨﾝ</t>
  </si>
  <si>
    <t>マヨネーズ・ケチャップ</t>
  </si>
  <si>
    <t>完熟ホールトマト缶</t>
  </si>
  <si>
    <t>基本のトマトソース</t>
  </si>
  <si>
    <t>295g</t>
  </si>
  <si>
    <t>カゴメ</t>
  </si>
  <si>
    <t>ｶｺﾞﾒ</t>
  </si>
  <si>
    <t>日本デルモンテ</t>
  </si>
  <si>
    <t>ﾆﾎﾝﾃﾞﾙﾓﾝﾃ</t>
  </si>
  <si>
    <t>完熟あらごしトマト</t>
  </si>
  <si>
    <t>388g</t>
  </si>
  <si>
    <t>完熟カットトマト</t>
  </si>
  <si>
    <t>完熟トマトのピザソース</t>
  </si>
  <si>
    <t>160g</t>
  </si>
  <si>
    <t>トマトピューレー</t>
  </si>
  <si>
    <t>トマトペーストミニパック</t>
  </si>
  <si>
    <t>18g×6P</t>
  </si>
  <si>
    <t>サルサ</t>
  </si>
  <si>
    <t>240g</t>
  </si>
  <si>
    <t>12g×10P</t>
  </si>
  <si>
    <t>トマトケチャップ</t>
  </si>
  <si>
    <t>180g</t>
  </si>
  <si>
    <t>トマトケチャップ逆さボトル</t>
  </si>
  <si>
    <t>460g</t>
  </si>
  <si>
    <t>ハインツ日本</t>
  </si>
  <si>
    <t>ﾊｲﾝﾂﾆﾎﾝ</t>
  </si>
  <si>
    <t>トマトケチャップリコピンリッチ</t>
  </si>
  <si>
    <t>485g</t>
  </si>
  <si>
    <t>有機トマト使用ケチャップ</t>
  </si>
  <si>
    <t>濃厚リコピントマトケチャップ</t>
  </si>
  <si>
    <t>高橋ソース</t>
  </si>
  <si>
    <t>ﾀｶﾊｼｿｰｽ</t>
  </si>
  <si>
    <t>マヨネーズ</t>
  </si>
  <si>
    <t>ピュアセレクトサラリア</t>
  </si>
  <si>
    <t>210g</t>
  </si>
  <si>
    <t>キユーピーディフェ</t>
  </si>
  <si>
    <t>アマニ油マヨネーズ</t>
  </si>
  <si>
    <t>有精卵マヨネーズ</t>
  </si>
  <si>
    <t>創健社</t>
  </si>
  <si>
    <t>ｿｳｹﾝｼｬ</t>
  </si>
  <si>
    <t>マヨドレ</t>
  </si>
  <si>
    <t>315g</t>
  </si>
  <si>
    <t>からしマヨネーズ</t>
  </si>
  <si>
    <t>マヨネーズミニパック</t>
  </si>
  <si>
    <t>6gx20</t>
  </si>
  <si>
    <t>タルタルソース</t>
  </si>
  <si>
    <t>155g</t>
  </si>
  <si>
    <t>あらびきマスタード</t>
  </si>
  <si>
    <t>ｷﾕ-ﾋﾟ-</t>
  </si>
  <si>
    <t>ホテルマヨネーズライト</t>
  </si>
  <si>
    <t>丸和油脂</t>
  </si>
  <si>
    <t>ﾏﾙﾜﾕｼ</t>
  </si>
  <si>
    <t>プロユースマヨネーズ</t>
  </si>
  <si>
    <t>キューピーハーフ</t>
  </si>
  <si>
    <t>ピュアセレクトマヨネーズ</t>
  </si>
  <si>
    <t>ピュアセレクトコクうま</t>
  </si>
  <si>
    <t>すき焼のたれW</t>
  </si>
  <si>
    <t>ソース・たれ</t>
  </si>
  <si>
    <t>すき焼のたれマイルド</t>
  </si>
  <si>
    <t>キムチ鍋の素</t>
  </si>
  <si>
    <t>しゃぶしゃぶごまだれ</t>
  </si>
  <si>
    <t>335g</t>
  </si>
  <si>
    <t>おろしのたれ</t>
  </si>
  <si>
    <t>270g</t>
  </si>
  <si>
    <t>定食屋さんの生姜焼きのたれ</t>
  </si>
  <si>
    <t>230g</t>
  </si>
  <si>
    <t>ステーキしょうゆにんにく風味</t>
  </si>
  <si>
    <t>165g</t>
  </si>
  <si>
    <t>ステーキしょうゆあらびきおろし</t>
  </si>
  <si>
    <t>日本食研ステーキソース</t>
  </si>
  <si>
    <t>日本食研</t>
  </si>
  <si>
    <t>ﾆﾎﾝｼｮｯｹﾝ</t>
  </si>
  <si>
    <t>コチュジャン</t>
  </si>
  <si>
    <t>未登録</t>
  </si>
  <si>
    <t>ﾃﾞｻﾝｼﾞｬﾊﾟﾝ</t>
  </si>
  <si>
    <t>わが家は焼肉屋さん甘口</t>
  </si>
  <si>
    <t>わが家は焼肉屋さん中辛</t>
  </si>
  <si>
    <t>焼肉のたれ甘口</t>
  </si>
  <si>
    <t>235g</t>
  </si>
  <si>
    <t>焼肉のたれ中辛</t>
  </si>
  <si>
    <t>焼肉応援団コチュジャンだれ</t>
  </si>
  <si>
    <t>日本食研焼肉のたれ宮殿中辛</t>
  </si>
  <si>
    <t>牛角醤油だれ</t>
  </si>
  <si>
    <t>フードレーベル</t>
  </si>
  <si>
    <t>ﾌｰﾄﾞﾚｰﾍﾞﾙ</t>
  </si>
  <si>
    <t>叙々苑焼肉のたれ</t>
  </si>
  <si>
    <t>戸村本店焼肉のたれ</t>
  </si>
  <si>
    <t>戸村フーズ</t>
  </si>
  <si>
    <t>ﾄﾑﾗﾌｰｽﾞ</t>
  </si>
  <si>
    <t>焼肉のたれ無添加中辛</t>
  </si>
  <si>
    <t>ﾄﾑﾗ</t>
  </si>
  <si>
    <t>黄金の味甘口</t>
  </si>
  <si>
    <t>黄金の味中辛</t>
  </si>
  <si>
    <t>黄金の味辛口</t>
  </si>
  <si>
    <t>580g</t>
  </si>
  <si>
    <t>焼肉のたれにんにく味</t>
  </si>
  <si>
    <t>585g</t>
  </si>
  <si>
    <t>焼き肉どおりにんにくしょうゆ味</t>
  </si>
  <si>
    <t>575g</t>
  </si>
  <si>
    <t>秘伝焼肉のたれ（中）</t>
  </si>
  <si>
    <t>1　本</t>
  </si>
  <si>
    <t>管理対象外メーカー</t>
  </si>
  <si>
    <t>ソース</t>
  </si>
  <si>
    <t>煮込みハンバーグソース</t>
  </si>
  <si>
    <t>煮込んでおいしいデミグラス</t>
  </si>
  <si>
    <t>340g</t>
  </si>
  <si>
    <t>煮込んでおいしいハンバーグソース</t>
  </si>
  <si>
    <t>ごまとんかつソースチューブ</t>
  </si>
  <si>
    <t>ブルドックソース</t>
  </si>
  <si>
    <t>ﾌﾞﾙﾄﾞｯｸｿ-ｽ</t>
  </si>
  <si>
    <t>パスタ</t>
  </si>
  <si>
    <t>ルーミックホワイトソース</t>
  </si>
  <si>
    <t>48g</t>
  </si>
  <si>
    <t>ちょっとだけデミグラスソース</t>
  </si>
  <si>
    <t>ハインツホワイトソース</t>
  </si>
  <si>
    <t>290g</t>
  </si>
  <si>
    <t>ハインツデミグラスソース</t>
  </si>
  <si>
    <t>こぶりウスターソース</t>
  </si>
  <si>
    <t>こぶりとんかつソース</t>
  </si>
  <si>
    <t>テーブルウスターソース</t>
  </si>
  <si>
    <t>テーブル中濃ソース</t>
  </si>
  <si>
    <t>テーブルとんかつソース</t>
  </si>
  <si>
    <t>醸熟ソースウスター</t>
  </si>
  <si>
    <t>醸熟ソース中濃</t>
  </si>
  <si>
    <t>醸熟ソースとんかつ</t>
  </si>
  <si>
    <t>ドロソース</t>
  </si>
  <si>
    <t>オリバーソース</t>
  </si>
  <si>
    <t>ｵﾘﾊﾞｰｿｰｽ</t>
  </si>
  <si>
    <t>うまソース</t>
  </si>
  <si>
    <t>オタフクお好みソース</t>
  </si>
  <si>
    <t>お好みソース塩分50%オフ</t>
  </si>
  <si>
    <t>ｵﾀﾌｸ</t>
  </si>
  <si>
    <t>お好み食べたいソース</t>
  </si>
  <si>
    <t>たこやきソース</t>
  </si>
  <si>
    <t>焼そばソース</t>
  </si>
  <si>
    <t>お好みソース</t>
  </si>
  <si>
    <t>たこ焼ソース</t>
  </si>
  <si>
    <t>オコノミソース</t>
  </si>
  <si>
    <t>コクと旨みのお好みソース</t>
  </si>
  <si>
    <t>焼きそばソース</t>
  </si>
  <si>
    <t>風味調味料</t>
  </si>
  <si>
    <t>コンソメ</t>
  </si>
  <si>
    <t>味日本</t>
  </si>
  <si>
    <t>ｱｼﾞﾆﾎﾝ</t>
  </si>
  <si>
    <t>風味調味料・漬物の素</t>
  </si>
  <si>
    <t>コンソメ顆粒</t>
  </si>
  <si>
    <t>60g</t>
  </si>
  <si>
    <t>コンソメ固形</t>
  </si>
  <si>
    <t>111.3g</t>
  </si>
  <si>
    <t>コンソメ固形7個入り</t>
  </si>
  <si>
    <t>7P</t>
  </si>
  <si>
    <t>チキンコンソメ</t>
  </si>
  <si>
    <t>5P</t>
  </si>
  <si>
    <t>ビーフコンソメ</t>
  </si>
  <si>
    <t>おでんの素</t>
  </si>
  <si>
    <t>明治</t>
  </si>
  <si>
    <t>ﾒｲｼﾞ</t>
  </si>
  <si>
    <t>ヱスビー食品</t>
  </si>
  <si>
    <t>ｴｽﾋﾞ-ｼﾖｸﾋﾝ</t>
  </si>
  <si>
    <t>うどんスープの素</t>
  </si>
  <si>
    <t>64g</t>
  </si>
  <si>
    <t>シマヤ</t>
  </si>
  <si>
    <t>ｼﾏﾔ</t>
  </si>
  <si>
    <t>うどんスープ</t>
  </si>
  <si>
    <t>8g×8袋入</t>
  </si>
  <si>
    <t>減塩うどんスープ</t>
  </si>
  <si>
    <t>かつお節と煮干しの旨味だしパック</t>
  </si>
  <si>
    <t>10P</t>
  </si>
  <si>
    <t>かね七</t>
  </si>
  <si>
    <t>ｶﾈｼﾁ</t>
  </si>
  <si>
    <t>ふりだし</t>
  </si>
  <si>
    <t>丸三食品</t>
  </si>
  <si>
    <t>ﾏﾙｻﾝｼｮｸﾋﾝ</t>
  </si>
  <si>
    <t>ほんだし瓶</t>
  </si>
  <si>
    <t>オサ平商店</t>
  </si>
  <si>
    <t>薩摩産かつおだし</t>
  </si>
  <si>
    <t>4g×10P</t>
  </si>
  <si>
    <t>道南白口浜産こんぶだし</t>
  </si>
  <si>
    <t>瀬戸内産いりこだし</t>
  </si>
  <si>
    <t>毎日カルシウムほんだし</t>
  </si>
  <si>
    <t>だしの素粉末</t>
  </si>
  <si>
    <t>長崎産焼きあごだし</t>
  </si>
  <si>
    <t>4g×20P</t>
  </si>
  <si>
    <t>ほんだしスティック</t>
  </si>
  <si>
    <t>112g</t>
  </si>
  <si>
    <t>ほんだしこんぶだし8gスティック</t>
  </si>
  <si>
    <t>ほんだしいりこだし8gスティック</t>
  </si>
  <si>
    <t>かつおだし顆粒</t>
  </si>
  <si>
    <t>こんぶだしの素</t>
  </si>
  <si>
    <t>140g</t>
  </si>
  <si>
    <t>いりこだしの素</t>
  </si>
  <si>
    <t>120g</t>
  </si>
  <si>
    <t>あさ漬の素</t>
  </si>
  <si>
    <t>36g</t>
  </si>
  <si>
    <t>フタバ</t>
  </si>
  <si>
    <t>ﾌﾀﾊﾞ</t>
  </si>
  <si>
    <t>キムチ漬の素</t>
  </si>
  <si>
    <t>30g</t>
  </si>
  <si>
    <t>輪切唐辛子</t>
  </si>
  <si>
    <t>15g</t>
  </si>
  <si>
    <t>ニチノウ食品</t>
  </si>
  <si>
    <t>ﾆﾁﾉｳｼｮｸﾋﾝ</t>
  </si>
  <si>
    <t>高菜漬けの素</t>
  </si>
  <si>
    <t>たくあん漬の素</t>
  </si>
  <si>
    <t>乾燥米こうじ</t>
  </si>
  <si>
    <t>サクラみそ食品</t>
  </si>
  <si>
    <t>ｻｸﾗﾐｿｼｮｸﾋﾝ</t>
  </si>
  <si>
    <t>製菓材・デザート</t>
  </si>
  <si>
    <t>タンサン</t>
  </si>
  <si>
    <t>焼みようばん</t>
  </si>
  <si>
    <t>ほんだし箱</t>
  </si>
  <si>
    <t>かつおだしの素</t>
  </si>
  <si>
    <t>120g×2P</t>
  </si>
  <si>
    <t>マルトモ</t>
  </si>
  <si>
    <t>ﾏﾙﾄﾓ</t>
  </si>
  <si>
    <t>だしの素大徳</t>
  </si>
  <si>
    <t>浅漬けの素昆布だし</t>
  </si>
  <si>
    <t>浅漬けの素レギュラー</t>
  </si>
  <si>
    <t>キムチの素</t>
  </si>
  <si>
    <t>190g</t>
  </si>
  <si>
    <t>桃屋</t>
  </si>
  <si>
    <t>ﾓﾓﾔ</t>
  </si>
  <si>
    <t>キムチの素スペシャル</t>
  </si>
  <si>
    <t>620g</t>
  </si>
  <si>
    <t>いりぬか</t>
  </si>
  <si>
    <t>ふりかけ・茶漬</t>
  </si>
  <si>
    <t>三五八</t>
  </si>
  <si>
    <t>ブラックペッパー粗挽</t>
  </si>
  <si>
    <t>65g</t>
  </si>
  <si>
    <t>ハウス食品</t>
  </si>
  <si>
    <t>ﾊｳｽｼｮｸﾋﾝ</t>
  </si>
  <si>
    <t>九州GO_SM_3尺1本_1800</t>
  </si>
  <si>
    <t>ギャバンコショー缶</t>
  </si>
  <si>
    <t>コーモランプロダクト</t>
  </si>
  <si>
    <t>ギャバンブラックペッパー缶</t>
  </si>
  <si>
    <t>ギャバン粗挽ブラックペパー袋</t>
  </si>
  <si>
    <t>19g</t>
  </si>
  <si>
    <t>ギャバンブラックペパー</t>
  </si>
  <si>
    <t>18g</t>
  </si>
  <si>
    <t>ギャバンナツメグパウダー袋</t>
  </si>
  <si>
    <t>17g</t>
  </si>
  <si>
    <t>ギャバンパセリ袋</t>
  </si>
  <si>
    <t>3.5g</t>
  </si>
  <si>
    <t>ギャバンバジル袋</t>
  </si>
  <si>
    <t>6g</t>
  </si>
  <si>
    <t>ギャバンブラックペパーホール袋</t>
  </si>
  <si>
    <t>袋鷹の爪ホール</t>
  </si>
  <si>
    <t>7g</t>
  </si>
  <si>
    <t>雲南唐辛子輪切り袋</t>
  </si>
  <si>
    <t>5g</t>
  </si>
  <si>
    <t>柚子ごしょう</t>
  </si>
  <si>
    <t>ギャバンあらびきブラックペパーパウダー</t>
  </si>
  <si>
    <t>21g</t>
  </si>
  <si>
    <t>ギャバンホワイトペパー</t>
  </si>
  <si>
    <t>ギャバンあらびきガーリック</t>
  </si>
  <si>
    <t>ギャバンナツメグパウダー</t>
  </si>
  <si>
    <t>20g</t>
  </si>
  <si>
    <t>ギャバンタイム</t>
  </si>
  <si>
    <t>11g</t>
  </si>
  <si>
    <t>ギャバンターメリックパウダー</t>
  </si>
  <si>
    <t>鈴木商会</t>
  </si>
  <si>
    <t>ギャバンパプリカパウダー</t>
  </si>
  <si>
    <t>ギャバンオールスパイスパウダー</t>
  </si>
  <si>
    <t>エイコー</t>
  </si>
  <si>
    <t>ギャバンクローブパウダー</t>
  </si>
  <si>
    <t>ギャバンコリアンダーパウダー</t>
  </si>
  <si>
    <t>ギャバンカルダモン瓶</t>
  </si>
  <si>
    <t>不明</t>
  </si>
  <si>
    <t>ギャバンクミンパウダー</t>
  </si>
  <si>
    <t>ギャバンシナモンパウダー</t>
  </si>
  <si>
    <t>ギャバン花椒</t>
  </si>
  <si>
    <t>ギャバンシナモンシュガー</t>
  </si>
  <si>
    <t>32g</t>
  </si>
  <si>
    <t>ギャバンガラムマサラパウダー</t>
  </si>
  <si>
    <t>ギャバンパセリホール</t>
  </si>
  <si>
    <t>4g</t>
  </si>
  <si>
    <t>ギャバンバジルホール</t>
  </si>
  <si>
    <t>ギャバンオレガノホール</t>
  </si>
  <si>
    <t>ギャバンローズマリーホール</t>
  </si>
  <si>
    <t>5.5g</t>
  </si>
  <si>
    <t>ギャバンクミンホール</t>
  </si>
  <si>
    <t>ギャバンサフランホール</t>
  </si>
  <si>
    <t>0.5g</t>
  </si>
  <si>
    <t>ギャバンバニラビーンズホール2本</t>
  </si>
  <si>
    <t>2P</t>
  </si>
  <si>
    <t>あらびきブラックペパー</t>
  </si>
  <si>
    <t>ナツメグ</t>
  </si>
  <si>
    <t>パセリ</t>
  </si>
  <si>
    <t>国太楼</t>
  </si>
  <si>
    <t>ホワイトペパー</t>
  </si>
  <si>
    <t>14g</t>
  </si>
  <si>
    <t>レッドペパー</t>
  </si>
  <si>
    <t>13g</t>
  </si>
  <si>
    <t>あらびきガーリック</t>
  </si>
  <si>
    <t>オールスパイス</t>
  </si>
  <si>
    <t>ジンジャードライミックス</t>
  </si>
  <si>
    <t>クミン</t>
  </si>
  <si>
    <t>ターメリック</t>
  </si>
  <si>
    <t>パプリカ</t>
  </si>
  <si>
    <t>クリタック</t>
  </si>
  <si>
    <t>シナモン</t>
  </si>
  <si>
    <t>鰹節のカネイ</t>
  </si>
  <si>
    <t>シナモンシュガー</t>
  </si>
  <si>
    <t>ガラムマサラ</t>
  </si>
  <si>
    <t>久星食品</t>
  </si>
  <si>
    <t>バジル</t>
  </si>
  <si>
    <t>オレガノ</t>
  </si>
  <si>
    <t>クマガエ</t>
  </si>
  <si>
    <t>料亭梅塩</t>
  </si>
  <si>
    <t>34g</t>
  </si>
  <si>
    <t>ガーリック顆粒</t>
  </si>
  <si>
    <t>ガーリック顆粒袋</t>
  </si>
  <si>
    <t>一味唐辛子</t>
  </si>
  <si>
    <t>一味唐がらし袋</t>
  </si>
  <si>
    <t>12g</t>
  </si>
  <si>
    <t>キングジム</t>
  </si>
  <si>
    <t>七味唐辛子</t>
  </si>
  <si>
    <t>七味唐がらし袋</t>
  </si>
  <si>
    <t>嘉平屋</t>
  </si>
  <si>
    <t>ゆず入り七味</t>
  </si>
  <si>
    <t>大辛唐辛子</t>
  </si>
  <si>
    <t>金扇ドロップス工業</t>
  </si>
  <si>
    <t>唐辛子族大辛</t>
  </si>
  <si>
    <t>45g</t>
  </si>
  <si>
    <t>三椒の粉</t>
  </si>
  <si>
    <t>ﾊｳｽｼﾖｸﾋﾝ</t>
  </si>
  <si>
    <t>辣油</t>
  </si>
  <si>
    <t>31g</t>
  </si>
  <si>
    <t>激辛辣油</t>
  </si>
  <si>
    <t>あらびきコショー</t>
  </si>
  <si>
    <t>あらびきコショー袋</t>
  </si>
  <si>
    <t>コショー</t>
  </si>
  <si>
    <t>コショー袋</t>
  </si>
  <si>
    <t>クリタエイムデリカ</t>
  </si>
  <si>
    <t>テーブルコショウ</t>
  </si>
  <si>
    <t>味塩こしょう</t>
  </si>
  <si>
    <t>225g</t>
  </si>
  <si>
    <t>味塩こしょう詰替</t>
  </si>
  <si>
    <t>135g</t>
  </si>
  <si>
    <t>味塩こしょう荒挽き黒こしょう</t>
  </si>
  <si>
    <t>味塩こしょう荒挽き黒こしょう詰替用</t>
  </si>
  <si>
    <t>115g</t>
  </si>
  <si>
    <t>九州限定味付け塩コショー</t>
  </si>
  <si>
    <t>味付塩こしょう詰替用</t>
  </si>
  <si>
    <t>170g</t>
  </si>
  <si>
    <t>マキシマム</t>
  </si>
  <si>
    <t>中村食肉</t>
  </si>
  <si>
    <t>ﾅｶﾑﾗｼｮｸﾆｸ</t>
  </si>
  <si>
    <t>黒瀬のスパイス</t>
  </si>
  <si>
    <t>黒瀬食鳥</t>
  </si>
  <si>
    <t>ｸﾛｾｼｮｸﾁｮｳ</t>
  </si>
  <si>
    <t>大容量おろし生わさび</t>
  </si>
  <si>
    <t>175g</t>
  </si>
  <si>
    <t>岩城商店</t>
  </si>
  <si>
    <t>大容量ねりからし</t>
  </si>
  <si>
    <t>大容量おろし生しょうが</t>
  </si>
  <si>
    <t>大容量おろし生にんにく</t>
  </si>
  <si>
    <t>みじん切り生しょうが</t>
  </si>
  <si>
    <t>熊川食料工業</t>
  </si>
  <si>
    <t>みじん切り生にんにく</t>
  </si>
  <si>
    <t>ねり梅</t>
  </si>
  <si>
    <t>大容量つぶ入りマスタード</t>
  </si>
  <si>
    <t>にんにく塩</t>
  </si>
  <si>
    <t>香りソルトイタリアンハーブミックス</t>
  </si>
  <si>
    <t>53g</t>
  </si>
  <si>
    <t>香りソルトレモンペパーミックス</t>
  </si>
  <si>
    <t>55g</t>
  </si>
  <si>
    <t>香りソルトガーリック＆オニオン</t>
  </si>
  <si>
    <t>おろし生しょうが</t>
  </si>
  <si>
    <t>源清田商事</t>
  </si>
  <si>
    <t>ｹﾞﾝｾｲﾀﾞ</t>
  </si>
  <si>
    <t>おろし生にんにく</t>
  </si>
  <si>
    <t>おろし生わさびお徳用</t>
  </si>
  <si>
    <t>おろし生しょうがお徳用</t>
  </si>
  <si>
    <t>おろし生にんにくお徳用</t>
  </si>
  <si>
    <t>梅肉チューブ</t>
  </si>
  <si>
    <t>しそ梅</t>
  </si>
  <si>
    <t>国産きざみ青じそ</t>
  </si>
  <si>
    <t>大根おろし</t>
  </si>
  <si>
    <t>レモンペースト</t>
  </si>
  <si>
    <t>おろし生わさび</t>
  </si>
  <si>
    <t>43g</t>
  </si>
  <si>
    <t>ねりからし</t>
  </si>
  <si>
    <t>特選本香り生わさび</t>
  </si>
  <si>
    <t>42g</t>
  </si>
  <si>
    <t>特選本香りからし</t>
  </si>
  <si>
    <t>特選本香り和からし</t>
  </si>
  <si>
    <t>特選本香り生しょうが</t>
  </si>
  <si>
    <t>特選本香り生にんにく</t>
  </si>
  <si>
    <t>柚子こしょう</t>
  </si>
  <si>
    <t>もみじおろし</t>
  </si>
  <si>
    <t>生おろしわさび</t>
  </si>
  <si>
    <t>山忠わさび</t>
  </si>
  <si>
    <t>ﾔﾏﾁｭｳ</t>
  </si>
  <si>
    <t>生おろししょうが</t>
  </si>
  <si>
    <t>おろしにんにく</t>
  </si>
  <si>
    <t>味豆板醤</t>
  </si>
  <si>
    <t>ﾔﾏﾁｭｳﾜｻﾋﾞ</t>
  </si>
  <si>
    <t>味粒マスタード</t>
  </si>
  <si>
    <t>味柚子こしょう</t>
  </si>
  <si>
    <t>味ねり梅</t>
  </si>
  <si>
    <t>即席みそ汁</t>
  </si>
  <si>
    <t>毎日のおみそ汁5種のバラエティー</t>
  </si>
  <si>
    <t>51g</t>
  </si>
  <si>
    <t>永谷園</t>
  </si>
  <si>
    <t>ﾅｶﾞﾀﾆｴﾝ</t>
  </si>
  <si>
    <t>うちのおみそ汁なすとお揚げ</t>
  </si>
  <si>
    <t>アサヒグループ食品</t>
  </si>
  <si>
    <t>ｱｻﾋｸﾞﾙｰﾌﾟF</t>
  </si>
  <si>
    <t>うちのおみそ汁4種の野菜</t>
  </si>
  <si>
    <t>フリーズドライあさげ</t>
  </si>
  <si>
    <t>67.2g</t>
  </si>
  <si>
    <t>フリーズドライゆうげ</t>
  </si>
  <si>
    <t>66.4g</t>
  </si>
  <si>
    <t>はま吸い</t>
  </si>
  <si>
    <t>松茸のお吸いもの</t>
  </si>
  <si>
    <t>松茸の味お吸いもの</t>
  </si>
  <si>
    <t>3g×8P</t>
  </si>
  <si>
    <t>いつものおみそ汁なす</t>
  </si>
  <si>
    <t>9.5g</t>
  </si>
  <si>
    <t>ｱｻﾋﾌｰﾄﾞ</t>
  </si>
  <si>
    <t>いつものおみそ汁長ねぎ</t>
  </si>
  <si>
    <t>9.0g</t>
  </si>
  <si>
    <t>いつものおみそ汁ほうれん草</t>
  </si>
  <si>
    <t>いつものおみそ汁白菜</t>
  </si>
  <si>
    <t>9g</t>
  </si>
  <si>
    <t>いつものおみそ汁小松菜</t>
  </si>
  <si>
    <t>8.3g</t>
  </si>
  <si>
    <t>アマノいつものおみそ汁ごぼう</t>
  </si>
  <si>
    <t>いつものおみそ汁里いも</t>
  </si>
  <si>
    <t>いつものおみそ汁野菜</t>
  </si>
  <si>
    <t>いつものおみそ汁あおさ</t>
  </si>
  <si>
    <t>8g</t>
  </si>
  <si>
    <t>いつものおみそ汁とうふ</t>
  </si>
  <si>
    <t>いつものおみそ汁なめこ</t>
  </si>
  <si>
    <t>いつものみそ汁赤だし三つ葉入</t>
  </si>
  <si>
    <t>7.5g</t>
  </si>
  <si>
    <t>料亭の味とうふカップ</t>
  </si>
  <si>
    <t>23g</t>
  </si>
  <si>
    <t>料亭の味長ねぎ</t>
  </si>
  <si>
    <t>料亭の味ほうれん草カップ</t>
  </si>
  <si>
    <t>料亭の味あおさ新カップ</t>
  </si>
  <si>
    <t>22g</t>
  </si>
  <si>
    <t>料亭の味とん汁カップ</t>
  </si>
  <si>
    <t>61g</t>
  </si>
  <si>
    <t>カップ料亭の味なめこ</t>
  </si>
  <si>
    <t>1p</t>
  </si>
  <si>
    <t>1杯でしじみ70個分のちからカップみそ汁</t>
  </si>
  <si>
    <t>19.6g</t>
  </si>
  <si>
    <t>生みそタイプみそ汁あさげ</t>
  </si>
  <si>
    <t>18.1g</t>
  </si>
  <si>
    <t>すぐ旨みそ汁あげなすカップ</t>
  </si>
  <si>
    <t>10.8g</t>
  </si>
  <si>
    <t>ハナマルキ</t>
  </si>
  <si>
    <t>ﾊﾅﾏﾙｷ</t>
  </si>
  <si>
    <t>生みそ汁料亭の味わかめ</t>
  </si>
  <si>
    <t>12P</t>
  </si>
  <si>
    <t>生みそ汁料亭の味あさり</t>
  </si>
  <si>
    <t>8P</t>
  </si>
  <si>
    <t>生みそ汁料亭の味しじみ</t>
  </si>
  <si>
    <t>8食入</t>
  </si>
  <si>
    <t>生みそ汁料亭の味とん汁</t>
  </si>
  <si>
    <t>4P</t>
  </si>
  <si>
    <t>生みそ汁減塩しじみ</t>
  </si>
  <si>
    <t>8袋入</t>
  </si>
  <si>
    <t>即席生みそ汁減塩わかめ</t>
  </si>
  <si>
    <t>12食入</t>
  </si>
  <si>
    <t>生みそ汁料亭の味あおさ8食</t>
  </si>
  <si>
    <t>136g</t>
  </si>
  <si>
    <t>生みそ汁料亭の味赤だししじみ</t>
  </si>
  <si>
    <t>6P</t>
  </si>
  <si>
    <t>生みそ汁料亭の味お徳用</t>
  </si>
  <si>
    <t>21P</t>
  </si>
  <si>
    <t>即席みそ汁減塩お徳用パック</t>
  </si>
  <si>
    <t>22袋入</t>
  </si>
  <si>
    <t>岩田醸造</t>
  </si>
  <si>
    <t>ｲﾜﾀｼﾞｮｳｿﾞｳ</t>
  </si>
  <si>
    <t>おみそ汁の大革命野菜いきいきその1</t>
  </si>
  <si>
    <t>3p</t>
  </si>
  <si>
    <t>おみそ汁の大革命野菜いきいきその2減塩</t>
  </si>
  <si>
    <t>お徳用料亭の味合わせ</t>
  </si>
  <si>
    <t>お徳用料亭の味減塩</t>
  </si>
  <si>
    <t>54.3g</t>
  </si>
  <si>
    <t>野菜を食べるみそ汁</t>
  </si>
  <si>
    <t>3P</t>
  </si>
  <si>
    <t>生タイプみそ汁あさげ徳用</t>
  </si>
  <si>
    <t>10食入</t>
  </si>
  <si>
    <t>生みそ汁あさげ減塩徳用</t>
  </si>
  <si>
    <t>生タイプみそ汁ゆうげ徳用</t>
  </si>
  <si>
    <t>生タイプみそ汁ひるげ徳用</t>
  </si>
  <si>
    <t>1杯でしじみ70個分のちからお徳用</t>
  </si>
  <si>
    <t>1杯でしじみ70個分のちから塩分控えめ徳用</t>
  </si>
  <si>
    <t>たっぷりお徳料亭の味</t>
  </si>
  <si>
    <t>36食</t>
  </si>
  <si>
    <t>たっぷりお徳料亭の味減塩</t>
  </si>
  <si>
    <t>ひかり味噌毎日食べたいおみそ汁</t>
  </si>
  <si>
    <t>20食入</t>
  </si>
  <si>
    <t>ひかり味噌</t>
  </si>
  <si>
    <t>ﾋｶﾘﾐｿ</t>
  </si>
  <si>
    <t>スープ・春雨</t>
  </si>
  <si>
    <t>こんがりパン濃厚コーンポタージュ</t>
  </si>
  <si>
    <t>26.1g</t>
  </si>
  <si>
    <t>九州GO_3尺1本1800_田村</t>
  </si>
  <si>
    <t>こんがりパン濃厚クラムポタージュ</t>
  </si>
  <si>
    <t>25.3g</t>
  </si>
  <si>
    <t>こんがりパン濃厚じゃがバターポタージュ</t>
  </si>
  <si>
    <t>28.1g</t>
  </si>
  <si>
    <t>こんがりパン濃厚かぼちゃポタージュ</t>
  </si>
  <si>
    <t>29.5g</t>
  </si>
  <si>
    <t>スープはるさめワンタン</t>
  </si>
  <si>
    <t>エースコック</t>
  </si>
  <si>
    <t>ｴ-ｽｺｯｸ</t>
  </si>
  <si>
    <t>スープはるさめかきたま</t>
  </si>
  <si>
    <t>スープはるさめ担担味</t>
  </si>
  <si>
    <t>スープはるさめわかめと野菜</t>
  </si>
  <si>
    <t>ｴｰｽｺｯｸ</t>
  </si>
  <si>
    <t>スープはるさめ柚子ぽん酢</t>
  </si>
  <si>
    <t>ふかひれスープ</t>
  </si>
  <si>
    <t>ニチレイフーズ</t>
  </si>
  <si>
    <t>ﾆﾁﾚｲﾌ-ｽﾞ</t>
  </si>
  <si>
    <t>広東風かにと貝柱のスープ</t>
  </si>
  <si>
    <t>おうちスープコーンスープ箱</t>
  </si>
  <si>
    <t>おうちスープポタージュ箱</t>
  </si>
  <si>
    <t>じっくりコトコト濃厚コーンポタージュ箱</t>
  </si>
  <si>
    <t>67.5g</t>
  </si>
  <si>
    <t>じっくりコトコト濃厚クラムポタージュ箱</t>
  </si>
  <si>
    <t>53.4g</t>
  </si>
  <si>
    <t>じっくりコトコト濃厚海老のビスク箱</t>
  </si>
  <si>
    <t>51.9g</t>
  </si>
  <si>
    <t>じっくりコトコト濃厚さつまいもクリーム箱</t>
  </si>
  <si>
    <t>63.6g</t>
  </si>
  <si>
    <t>クルトンスープ用</t>
  </si>
  <si>
    <t>アンパンマンスープ</t>
  </si>
  <si>
    <t>57g</t>
  </si>
  <si>
    <t>クノール粒コーンクリーム</t>
  </si>
  <si>
    <t>48.3g</t>
  </si>
  <si>
    <t>クノールカップスープコー</t>
  </si>
  <si>
    <t>55.8g</t>
  </si>
  <si>
    <t>クノールカップス-プポ</t>
  </si>
  <si>
    <t>49.5g</t>
  </si>
  <si>
    <t>クノールチーズ仕立ほうれんそう</t>
  </si>
  <si>
    <t>40.2g</t>
  </si>
  <si>
    <t>クノールカップスープミルク仕立きのこ</t>
  </si>
  <si>
    <t>42.6g</t>
  </si>
  <si>
    <t>クノールカップスープ完熟トマト</t>
  </si>
  <si>
    <t>マルちゃん素材のチカラ野菜スープ5P</t>
  </si>
  <si>
    <t>6g×5</t>
  </si>
  <si>
    <t>東洋水産</t>
  </si>
  <si>
    <t>ﾄｳﾖｳｽｲｻﾝ</t>
  </si>
  <si>
    <t>素材のチカラ沖縄産もずくスープパック</t>
  </si>
  <si>
    <t>3.6g×5</t>
  </si>
  <si>
    <t>たまごスープ5P</t>
  </si>
  <si>
    <t>宝幸</t>
  </si>
  <si>
    <t>ﾎｳｺｳ</t>
  </si>
  <si>
    <t>ふんわりたまごスープ5P</t>
  </si>
  <si>
    <t>32.5g</t>
  </si>
  <si>
    <t>ほうれん草とベーコンのスープ</t>
  </si>
  <si>
    <t>クノール中華ふかひれ</t>
  </si>
  <si>
    <t>29g</t>
  </si>
  <si>
    <t>クノール海鮮チゲスープ4食</t>
  </si>
  <si>
    <t>37.6g</t>
  </si>
  <si>
    <t>素材のチカラオニオンスープ5食パック</t>
  </si>
  <si>
    <t>7.3g×5</t>
  </si>
  <si>
    <t>マルちゃん中華スープ4食入</t>
  </si>
  <si>
    <t>22.4g</t>
  </si>
  <si>
    <t>おうちスープ3種アソート箱</t>
  </si>
  <si>
    <t>96g</t>
  </si>
  <si>
    <t>おうちスープ減塩3種アソート</t>
  </si>
  <si>
    <t>114.6g</t>
  </si>
  <si>
    <t>おうちスープコーン箱</t>
  </si>
  <si>
    <t>おうちスープじゃがいも箱</t>
  </si>
  <si>
    <t>わかめスープ</t>
  </si>
  <si>
    <t>8食</t>
  </si>
  <si>
    <t>ポタージュスープ</t>
  </si>
  <si>
    <t>コーンクリーム</t>
  </si>
  <si>
    <t>148.8g</t>
  </si>
  <si>
    <t>つぶたっぷりコーンクリーム</t>
  </si>
  <si>
    <t>128.8g</t>
  </si>
  <si>
    <t>ポタージュ</t>
  </si>
  <si>
    <t>132g</t>
  </si>
  <si>
    <t>クノールカップスープオニオンコンソメ8p</t>
  </si>
  <si>
    <t>90.4g</t>
  </si>
  <si>
    <t>5つの味のスープ春雨</t>
  </si>
  <si>
    <t>バラエティ広がるスープはるさめ</t>
  </si>
  <si>
    <t>164.8g</t>
  </si>
  <si>
    <t>おいしさいろいろ5つの味のスープ春雨</t>
  </si>
  <si>
    <t>159.4g</t>
  </si>
  <si>
    <t>選べるスープ春雨</t>
  </si>
  <si>
    <t>中華（調味料）</t>
  </si>
  <si>
    <t>bibigo_コチュジャン</t>
  </si>
  <si>
    <t>ぎょうざのたれ</t>
  </si>
  <si>
    <t>オイスターソース</t>
  </si>
  <si>
    <t>李錦記オイスターソース</t>
  </si>
  <si>
    <t>255g</t>
  </si>
  <si>
    <t>李錦記</t>
  </si>
  <si>
    <t>ﾘｷﾝｷ</t>
  </si>
  <si>
    <t>パンダブランオイスターソース</t>
  </si>
  <si>
    <t>スイートチリソース</t>
  </si>
  <si>
    <t>220g</t>
  </si>
  <si>
    <t>チリソース</t>
  </si>
  <si>
    <t>簡単調理</t>
  </si>
  <si>
    <t>チンスチリソース</t>
  </si>
  <si>
    <t>イマイ</t>
  </si>
  <si>
    <t>ナンプラー</t>
  </si>
  <si>
    <t>ユウキ食品</t>
  </si>
  <si>
    <t>ﾕｳｷｼｮｸﾋﾝ</t>
  </si>
  <si>
    <t>チンスナムヌーヌクマムペット</t>
  </si>
  <si>
    <t>750ml</t>
  </si>
  <si>
    <t>ココナッツミルク</t>
  </si>
  <si>
    <t>セゲライスペーパー</t>
  </si>
  <si>
    <t>味覇</t>
  </si>
  <si>
    <t>廣記商行</t>
  </si>
  <si>
    <t>ｺｳｷｼｮｳｺｳ</t>
  </si>
  <si>
    <t>創味シャンタンDELUXE</t>
  </si>
  <si>
    <t>創味シャンタン粉末タイプ</t>
  </si>
  <si>
    <t>創味シャンタンやわらかタイプ</t>
  </si>
  <si>
    <t>CookDo香味ペースト</t>
  </si>
  <si>
    <t>李錦記甜麺醤チューブ</t>
  </si>
  <si>
    <t>李錦記豆板醤チューブ</t>
  </si>
  <si>
    <t>85g</t>
  </si>
  <si>
    <t>李錦記コチュジャンチューブ</t>
  </si>
  <si>
    <t>李錦記豆板醤</t>
  </si>
  <si>
    <t>XO醤</t>
  </si>
  <si>
    <t>生にんにくおろし</t>
  </si>
  <si>
    <t>牛肉ダシダ</t>
  </si>
  <si>
    <t>中華あじ袋</t>
  </si>
  <si>
    <t>李錦記鶏がらスープ素材本位袋</t>
  </si>
  <si>
    <t>75g</t>
  </si>
  <si>
    <t>ｴｽﾋﾞ-ｼｮｸﾋﾝ</t>
  </si>
  <si>
    <t>鶏がらスープの素</t>
  </si>
  <si>
    <t>丸鶏がらスープ</t>
  </si>
  <si>
    <t>万能中華</t>
  </si>
  <si>
    <t>焼豚チャーハンの素</t>
  </si>
  <si>
    <t>27g</t>
  </si>
  <si>
    <t>五目チャーハンの素</t>
  </si>
  <si>
    <t>24g</t>
  </si>
  <si>
    <t>かに味チャーハンの素</t>
  </si>
  <si>
    <t>豚キムチ炒飯の素</t>
  </si>
  <si>
    <t>43.6g</t>
  </si>
  <si>
    <t>江崎グリコ</t>
  </si>
  <si>
    <t>ｴｻﾞｷｸﾞﾘｺ</t>
  </si>
  <si>
    <t>ドライカレーの素</t>
  </si>
  <si>
    <t>チキンライスの素5袋</t>
  </si>
  <si>
    <t>カモ井食品工業</t>
  </si>
  <si>
    <t>ｶﾓｲｼｮｸﾋﾝｺｳ</t>
  </si>
  <si>
    <t>麻婆春雨甘口</t>
  </si>
  <si>
    <t>137g</t>
  </si>
  <si>
    <t>麻婆春雨中辛</t>
  </si>
  <si>
    <t>麻婆春雨辛口</t>
  </si>
  <si>
    <t>CookDoあらびき肉入り麻婆茄子用</t>
  </si>
  <si>
    <t>クックドゥ麻婆茄子</t>
  </si>
  <si>
    <t>クックドゥ酢豚</t>
  </si>
  <si>
    <t>クックドゥ八宝菜</t>
  </si>
  <si>
    <t>クックドゥ干焼蝦仁</t>
  </si>
  <si>
    <t>クックドゥ回鍋肉</t>
  </si>
  <si>
    <t>クックドゥチンジャオロース</t>
  </si>
  <si>
    <t>麻婆豆腐の素甘口</t>
  </si>
  <si>
    <t>162g</t>
  </si>
  <si>
    <t>丸美屋食品工業</t>
  </si>
  <si>
    <t>ﾏﾙﾐﾔｼｮｸﾋﾝ</t>
  </si>
  <si>
    <t>麻婆豆腐の素中辛</t>
  </si>
  <si>
    <t>麻婆豆腐の素辛口</t>
  </si>
  <si>
    <t>麻婆豆腐の素大辛</t>
  </si>
  <si>
    <t>クックドゥ四川麻婆豆腐</t>
  </si>
  <si>
    <t>106.5g</t>
  </si>
  <si>
    <t>贅を味わう麻婆豆腐の素辛口</t>
  </si>
  <si>
    <t>贅を味わう麻婆豆腐の素中辛</t>
  </si>
  <si>
    <t>ミニおいなりさん</t>
  </si>
  <si>
    <t>6枚入</t>
  </si>
  <si>
    <t>みすずコーポレーション</t>
  </si>
  <si>
    <t>ﾐｽｽﾞCorp</t>
  </si>
  <si>
    <t>和洋即席・簡単調理</t>
  </si>
  <si>
    <t>味つけかんぴょう</t>
  </si>
  <si>
    <t>丸善食品工業</t>
  </si>
  <si>
    <t>ﾏﾙｾﾞﾝｼｮｸﾋﾝ</t>
  </si>
  <si>
    <t>椎茸うま煮スライス</t>
  </si>
  <si>
    <t>錦糸卵</t>
  </si>
  <si>
    <t>藤沢商事</t>
  </si>
  <si>
    <t>ﾌｼﾞｻﾜｼｮｳｼﾞ</t>
  </si>
  <si>
    <t>桜でんぶ</t>
  </si>
  <si>
    <t>ｶﾓｲｼｮｸﾋﾝ</t>
  </si>
  <si>
    <t>寿司の子</t>
  </si>
  <si>
    <t>タマノイ酢</t>
  </si>
  <si>
    <t>五目ちらし</t>
  </si>
  <si>
    <t>ちょっとどんぶりうすくち</t>
  </si>
  <si>
    <t>ちょっとどんぶりこいくち</t>
  </si>
  <si>
    <t>ちょっとぞうすい鳥</t>
  </si>
  <si>
    <t>3袋入</t>
  </si>
  <si>
    <t>カレールウ</t>
  </si>
  <si>
    <t>シーフードドリア</t>
  </si>
  <si>
    <t>ハチ食品</t>
  </si>
  <si>
    <t>ﾊﾁｼｮｸﾋﾝ</t>
  </si>
  <si>
    <t>チキンドリア</t>
  </si>
  <si>
    <t>和洋即席</t>
  </si>
  <si>
    <t>五目中華丼ごはん付き</t>
  </si>
  <si>
    <t>306g</t>
  </si>
  <si>
    <t>麻婆丼中辛ごはん付き</t>
  </si>
  <si>
    <t>297g</t>
  </si>
  <si>
    <t>どんぶり党牛丼</t>
  </si>
  <si>
    <t>金のどんぶり親子丼</t>
  </si>
  <si>
    <t>マルハニチロ</t>
  </si>
  <si>
    <t>ﾏﾙﾊﾆﾁﾛ</t>
  </si>
  <si>
    <t>金のどんぶり中華丼</t>
  </si>
  <si>
    <t>金のどんぶり四川風麻婆丼</t>
  </si>
  <si>
    <t>金のどんぶりビビンパ</t>
  </si>
  <si>
    <t>金のどんぶり豚たま丼</t>
  </si>
  <si>
    <t>今日の大皿豚バラなす用</t>
  </si>
  <si>
    <t>今日の大皿肉みそキャベツ用</t>
  </si>
  <si>
    <t>今日の大皿豚キャベツ用</t>
  </si>
  <si>
    <t>今日の大皿豚バラピーマン用</t>
  </si>
  <si>
    <t>今日の大皿豚バラ大根用</t>
  </si>
  <si>
    <t>CookDoきょうの大皿厚揚げそぼろ煮用</t>
  </si>
  <si>
    <t>うちのごはん茄子の肉味噌炒め</t>
  </si>
  <si>
    <t>うちのごはんキャベツのガリバタ醤油炒め</t>
  </si>
  <si>
    <t>74g</t>
  </si>
  <si>
    <t>うちのごはん豚バラピーマン甘辛しょうゆ</t>
  </si>
  <si>
    <t>72g</t>
  </si>
  <si>
    <t>うちのごはん豚と厚揚げの甘辛ガーリック</t>
  </si>
  <si>
    <t>82g</t>
  </si>
  <si>
    <t>うちのごはんすきやき肉豆腐</t>
  </si>
  <si>
    <t>うちのごはんにんにく醤油炒め</t>
  </si>
  <si>
    <t>うちのごはん混ぜご飯の素五目ごはん旨だし</t>
  </si>
  <si>
    <t>うちのごはん混ぜごはんの素鶏ごぼう</t>
  </si>
  <si>
    <t>うちのごはんビビンバコチュジャン</t>
  </si>
  <si>
    <t>うちのごはん混ぜごはんの素牛ガーリック飯</t>
  </si>
  <si>
    <t>洋ごはんつくろチキンライス</t>
  </si>
  <si>
    <t>116g</t>
  </si>
  <si>
    <t>洋ごはんつくろドライカレー</t>
  </si>
  <si>
    <t>九州かしわめし</t>
  </si>
  <si>
    <t>195g</t>
  </si>
  <si>
    <t>ヤマモリ</t>
  </si>
  <si>
    <t>ﾔﾏﾓﾘ</t>
  </si>
  <si>
    <t>鶏めしの素</t>
  </si>
  <si>
    <t>鳥釜飯の素</t>
  </si>
  <si>
    <t>134g</t>
  </si>
  <si>
    <t>五目釜めしの素</t>
  </si>
  <si>
    <t>147g</t>
  </si>
  <si>
    <t>マカロニグラタンクイックアップホワイトソース4皿</t>
  </si>
  <si>
    <t>156g</t>
  </si>
  <si>
    <t>マカロニグラタンクイックアップホワイトソース2皿</t>
  </si>
  <si>
    <t>2皿分</t>
  </si>
  <si>
    <t>ハンバーグヘルパー</t>
  </si>
  <si>
    <t>92g</t>
  </si>
  <si>
    <t>レトルト</t>
  </si>
  <si>
    <t>選ばれし人気店バターチキン</t>
  </si>
  <si>
    <t>選ばれし人気店芳醇チキンカレー中辛</t>
  </si>
  <si>
    <t>選ばれし人気店キーマカレー</t>
  </si>
  <si>
    <t>選ばれし人気店スリランカカリーチキン</t>
  </si>
  <si>
    <t>噂の名店バターチキンカレー</t>
  </si>
  <si>
    <t>神田カレーグランプリ欧風カレーボンディチーズカレー</t>
  </si>
  <si>
    <t>神田カレー100時間B＆R欧風ビーフカレー</t>
  </si>
  <si>
    <t>アジアンテラスグリーンカレー辛口</t>
  </si>
  <si>
    <t>タイカレーグリーン</t>
  </si>
  <si>
    <t>ビーフカレーLEE辛さX20倍</t>
  </si>
  <si>
    <t>ビーフカレーLEE辛さX10倍</t>
  </si>
  <si>
    <t>レトルトジャワカレー中辛</t>
  </si>
  <si>
    <t>レトルトジャワカレー辛口</t>
  </si>
  <si>
    <t>とろうま牛角煮カレー中辛</t>
  </si>
  <si>
    <t>下町BistroCurry中辛</t>
  </si>
  <si>
    <t>下町BistroCurry辛口</t>
  </si>
  <si>
    <t>銀座カリー中辛</t>
  </si>
  <si>
    <t>銀座カリー辛口</t>
  </si>
  <si>
    <t>カレーマルシェ中辛</t>
  </si>
  <si>
    <t>カレーマルシェ辛口</t>
  </si>
  <si>
    <t>ボンカレーゴールド甘口</t>
  </si>
  <si>
    <t>大塚食品</t>
  </si>
  <si>
    <t>ｵｵﾂｶｼｮｸﾋﾝ</t>
  </si>
  <si>
    <t>ボンカレーゴールド中辛</t>
  </si>
  <si>
    <t>ボンカレーゴールド辛口</t>
  </si>
  <si>
    <t>メガ盛りカレー中辛</t>
  </si>
  <si>
    <t>メガ盛りカレー辛口</t>
  </si>
  <si>
    <t>メガ盛りカレー大辛</t>
  </si>
  <si>
    <t>カリー屋カレー甘口</t>
  </si>
  <si>
    <t>カリー屋カレー中辛</t>
  </si>
  <si>
    <t>カリー屋カレー辛口</t>
  </si>
  <si>
    <t>カリー屋キーマカレー中辛</t>
  </si>
  <si>
    <t>カリー屋カレー大辛</t>
  </si>
  <si>
    <t>カリー屋コクデミカレー中辛</t>
  </si>
  <si>
    <t>カリー屋ハヤシ</t>
  </si>
  <si>
    <t>アンパンマンミニパックカレーポークあまくち</t>
  </si>
  <si>
    <t>ポケモンカレーポーク＆コーン</t>
  </si>
  <si>
    <t>キミとアイドルプリキュアプチパックカレー</t>
  </si>
  <si>
    <t>北海道シチュークリームレトルト</t>
  </si>
  <si>
    <t>カレー曜日中辛</t>
  </si>
  <si>
    <t>レトルトバーモントカレー中辛</t>
  </si>
  <si>
    <t>まるごと野菜なすと完熟トマトのカレー</t>
  </si>
  <si>
    <t>ビーフカレー甘口</t>
  </si>
  <si>
    <t>ビーフカレー中辛</t>
  </si>
  <si>
    <t>ビーフカレー辛口</t>
  </si>
  <si>
    <t>プロクオリティカレーまろやかブレンド</t>
  </si>
  <si>
    <t>680g</t>
  </si>
  <si>
    <t>プロクオリティカレー中辛</t>
  </si>
  <si>
    <t>プロクオリティカレー辛口</t>
  </si>
  <si>
    <t>カレー粉</t>
  </si>
  <si>
    <t>37g</t>
  </si>
  <si>
    <t>料理用カレー</t>
  </si>
  <si>
    <t>58g</t>
  </si>
  <si>
    <t>味付カレーパウダーバーモントカレー味</t>
  </si>
  <si>
    <t>味付カレーパウダーバーモント味袋入</t>
  </si>
  <si>
    <t>プライムジャワカレー中辛</t>
  </si>
  <si>
    <t>カレーパートナー炒めたまねぎ</t>
  </si>
  <si>
    <t>カレーパートナーブイヨンペースト</t>
  </si>
  <si>
    <t>カレーパートナーマンゴーチャツネペースト</t>
  </si>
  <si>
    <t>カレーパートナーリンゴと蜂蜜ペースト</t>
  </si>
  <si>
    <t>カレーパートナーフォンドボー</t>
  </si>
  <si>
    <t>北川本家</t>
  </si>
  <si>
    <t>カレーの王子様顆粒</t>
  </si>
  <si>
    <t>ザカリー中辛</t>
  </si>
  <si>
    <t>ザカリー辛口</t>
  </si>
  <si>
    <t>横浜舶来亭カレーフレーク中辛</t>
  </si>
  <si>
    <t>横浜舶来亭カレーフレーク辛口</t>
  </si>
  <si>
    <t>カリールウ</t>
  </si>
  <si>
    <t>中村屋</t>
  </si>
  <si>
    <t>ﾅｶﾑﾗﾔ</t>
  </si>
  <si>
    <t>直火焼きカレー中辛</t>
  </si>
  <si>
    <t>コスモ食品</t>
  </si>
  <si>
    <t>ｺｽﾓｼｮｸﾋﾝ</t>
  </si>
  <si>
    <t>直火焼りんごカレー甘口</t>
  </si>
  <si>
    <t>濃いシチュークリーム</t>
  </si>
  <si>
    <t>168g</t>
  </si>
  <si>
    <t>シチューミクスクリーム</t>
  </si>
  <si>
    <t>北海道シチュークリーム</t>
  </si>
  <si>
    <t>北海道シチュービーフ</t>
  </si>
  <si>
    <t>172g</t>
  </si>
  <si>
    <t>とろけるシチュークリーム</t>
  </si>
  <si>
    <t>クレアおばさんのクリームシチュー</t>
  </si>
  <si>
    <t>142g</t>
  </si>
  <si>
    <t>完熟トマトのハヤシライスソース</t>
  </si>
  <si>
    <t>184g</t>
  </si>
  <si>
    <t>熟成デミグラスソースのハッシュドビーフ</t>
  </si>
  <si>
    <t>ゴールデンカレー甘口</t>
  </si>
  <si>
    <t>198g</t>
  </si>
  <si>
    <t>ゴールデンカレー中辛</t>
  </si>
  <si>
    <t>ゴールデンカレー辛口</t>
  </si>
  <si>
    <t>こくまろキーマカレー甘口</t>
  </si>
  <si>
    <t>148g</t>
  </si>
  <si>
    <t>ジャワカレー中辛</t>
  </si>
  <si>
    <t>185g</t>
  </si>
  <si>
    <t>ジャワカレー辛口</t>
  </si>
  <si>
    <t>ジャワカレースパイシーブレンド</t>
  </si>
  <si>
    <t>191g</t>
  </si>
  <si>
    <t>ジャワカレーキーマカレー中辛</t>
  </si>
  <si>
    <t>176g</t>
  </si>
  <si>
    <t>こくまろカレー甘口</t>
  </si>
  <si>
    <t>こくまろカレー中辛</t>
  </si>
  <si>
    <t>プレミアム熟カレー甘口</t>
  </si>
  <si>
    <t>プレミアム熟カレー中辛</t>
  </si>
  <si>
    <t>バーモントカレー甘口</t>
  </si>
  <si>
    <t>バーモントカレー中辛</t>
  </si>
  <si>
    <t>バーモントカレー辛口</t>
  </si>
  <si>
    <t>コクとスパイスのカレー中辛</t>
  </si>
  <si>
    <t>ソフトふりかけさけ</t>
  </si>
  <si>
    <t>28g</t>
  </si>
  <si>
    <t>九州GO_3尺2本1800_共通</t>
  </si>
  <si>
    <t>ソフトふりかけちりめん山椒</t>
  </si>
  <si>
    <t>ソフトふり鶏＆たまごそぼろ</t>
  </si>
  <si>
    <t>ソフトふりかけおかか昆布NP</t>
  </si>
  <si>
    <t>ソフトふりかけ鮭めんたい</t>
  </si>
  <si>
    <t>ソフトふりかけ梅ひじき</t>
  </si>
  <si>
    <t>ﾏﾙﾐﾔ</t>
  </si>
  <si>
    <t>ソフトふりかけ牛肉しぐれ煮</t>
  </si>
  <si>
    <t>混ぜ込みわかめ鮭</t>
  </si>
  <si>
    <t>混ぜ込みわかめ若菜</t>
  </si>
  <si>
    <t>混ぜ込みわかめ梅じそ</t>
  </si>
  <si>
    <t>混ぜ込みわかめ</t>
  </si>
  <si>
    <t>混ぜ込みわかめおかか</t>
  </si>
  <si>
    <t>混ぜ込みわかめ香るごま油味</t>
  </si>
  <si>
    <t>混ぜ込みわかめしらす</t>
  </si>
  <si>
    <t>混ぜ込みわかめ牛そぼろ</t>
  </si>
  <si>
    <t>混ぜ込みわかめしそ昆布</t>
  </si>
  <si>
    <t>混ぜ込みわかめ和風ツナマヨ</t>
  </si>
  <si>
    <t>混ぜ込みわかめ鮭めんたい</t>
  </si>
  <si>
    <t>混ぜ込み赤しそ梅おかか</t>
  </si>
  <si>
    <t>のりたまNP</t>
  </si>
  <si>
    <t>すきやきNP</t>
  </si>
  <si>
    <t>味道楽NP</t>
  </si>
  <si>
    <t>たらこNP</t>
  </si>
  <si>
    <t>ふりかけのりたまご</t>
  </si>
  <si>
    <t>真誠</t>
  </si>
  <si>
    <t>ｼﾝｾｲ</t>
  </si>
  <si>
    <t>ふりかけしゃけ</t>
  </si>
  <si>
    <t>38g</t>
  </si>
  <si>
    <t>ふりかけかつお</t>
  </si>
  <si>
    <t>のりたまごふりかけ</t>
  </si>
  <si>
    <t>日本海水</t>
  </si>
  <si>
    <t>ﾆﾎﾝｶｲｽｲ</t>
  </si>
  <si>
    <t>さけふりかけ</t>
  </si>
  <si>
    <t>77g</t>
  </si>
  <si>
    <t>本かつおふりかけ</t>
  </si>
  <si>
    <t>66g</t>
  </si>
  <si>
    <t>のりわさびふりかけ</t>
  </si>
  <si>
    <t>辛子明太子ふりかけ</t>
  </si>
  <si>
    <t>梅かつおふりかけ大袋</t>
  </si>
  <si>
    <t>焼肉ふりかけ大袋</t>
  </si>
  <si>
    <t>52g</t>
  </si>
  <si>
    <t>磯香のりふりかけ大袋</t>
  </si>
  <si>
    <t>旨味さけふりかけ大袋</t>
  </si>
  <si>
    <t>たま道楽</t>
  </si>
  <si>
    <t>韓国海苔風ふりかけ旨塩味大袋</t>
  </si>
  <si>
    <t>のりたま大袋</t>
  </si>
  <si>
    <t>すきやき大袋</t>
  </si>
  <si>
    <t>海苔わさびふりかけ大袋</t>
  </si>
  <si>
    <t>味道楽大袋</t>
  </si>
  <si>
    <t>たらこ大袋</t>
  </si>
  <si>
    <t>本かつお大袋</t>
  </si>
  <si>
    <t>家族の海苔茶漬け大袋</t>
  </si>
  <si>
    <t>家族のさけ茶漬け大袋</t>
  </si>
  <si>
    <t>家族のうめ茶漬け大袋</t>
  </si>
  <si>
    <t>33g</t>
  </si>
  <si>
    <t>家族のたらこ茶漬け大袋</t>
  </si>
  <si>
    <t>家族のわさび鰹茶漬け大袋</t>
  </si>
  <si>
    <t>家族の鯛だし茶漬け大袋</t>
  </si>
  <si>
    <t>白子お茶漬けめぐり</t>
  </si>
  <si>
    <t>白子</t>
  </si>
  <si>
    <t>ｼﾗｺ</t>
  </si>
  <si>
    <t>お茶づけ海苔8袋入</t>
  </si>
  <si>
    <t>さけ茶づけ6袋入</t>
  </si>
  <si>
    <t>34.8g</t>
  </si>
  <si>
    <t>梅干茶づけ6袋入</t>
  </si>
  <si>
    <t>33.6g</t>
  </si>
  <si>
    <t>だし茶漬け</t>
  </si>
  <si>
    <t>味わい茶漬け4種</t>
  </si>
  <si>
    <t>炊き込みわかめ</t>
  </si>
  <si>
    <t>三島食品</t>
  </si>
  <si>
    <t>ﾐｼﾏｼﾖｸﾋﾝ</t>
  </si>
  <si>
    <t>ふりかけるザクザクわかめ韓国風ごま油風味</t>
  </si>
  <si>
    <t>ふりかけるザクザクわかめ生姜香るねぎ塩味</t>
  </si>
  <si>
    <t>ふりかけるザクザクわかめ食べるラー油味</t>
  </si>
  <si>
    <t>しそわかめ</t>
  </si>
  <si>
    <t>井上商店</t>
  </si>
  <si>
    <t>ｲﾉｳｴｼｮｳﾃﾝ</t>
  </si>
  <si>
    <t>御飯の友</t>
  </si>
  <si>
    <t>ゆかり梅入り</t>
  </si>
  <si>
    <t>ゆかり</t>
  </si>
  <si>
    <t>ゆかり大袋</t>
  </si>
  <si>
    <t>46g</t>
  </si>
  <si>
    <t>おとなのふりかけ紅鮭</t>
  </si>
  <si>
    <t>8.4g</t>
  </si>
  <si>
    <t>おとなのふりかけ本かつお</t>
  </si>
  <si>
    <t>9.2g</t>
  </si>
  <si>
    <t>おとなのふりかけわさび</t>
  </si>
  <si>
    <t>ごましおNP</t>
  </si>
  <si>
    <t>減塩ごましおNP</t>
  </si>
  <si>
    <t>ピンクの梅ごましおNP</t>
  </si>
  <si>
    <t>ごましおスティック</t>
  </si>
  <si>
    <t>39g</t>
  </si>
  <si>
    <t>わさびふりかけ</t>
  </si>
  <si>
    <t>カメヤ食品</t>
  </si>
  <si>
    <t>ｶﾒﾔｼｮｸﾋﾝ</t>
  </si>
  <si>
    <t>瀬戸風味カップ</t>
  </si>
  <si>
    <t>ﾐｼﾏｼｮｸﾋﾝ</t>
  </si>
  <si>
    <t>アンパンマンふりかけミニ</t>
  </si>
  <si>
    <t>20P</t>
  </si>
  <si>
    <t>ポケモンふりかけミニパック</t>
  </si>
  <si>
    <t>マインクラフトふりかけミニパック</t>
  </si>
  <si>
    <t>ちいかわふりかけミニパック</t>
  </si>
  <si>
    <t>パウパトロールふりかけミニパック</t>
  </si>
  <si>
    <t>44g</t>
  </si>
  <si>
    <t>ミニパック30袋入</t>
  </si>
  <si>
    <t>田中食品</t>
  </si>
  <si>
    <t>ﾀﾅｶｼｮｸﾋﾝ</t>
  </si>
  <si>
    <t>おとなのふりかけミニその1</t>
  </si>
  <si>
    <t>29.2g</t>
  </si>
  <si>
    <t>おとなのふりかけミニその2</t>
  </si>
  <si>
    <t>34.4g</t>
  </si>
  <si>
    <t>のりたま＆バラエティー6種</t>
  </si>
  <si>
    <t>のりたまバラエティー2</t>
  </si>
  <si>
    <t>ごはん・おかゆ・餅</t>
  </si>
  <si>
    <t>へるしごはん</t>
  </si>
  <si>
    <t>サラヤ</t>
  </si>
  <si>
    <t>ｻﾗﾔ</t>
  </si>
  <si>
    <t>九州GO_SM_3尺2本1800_田村</t>
  </si>
  <si>
    <t>マイサイズマンナンごはん</t>
  </si>
  <si>
    <t>発芽玄米ごはん</t>
  </si>
  <si>
    <t>佐藤食品工業</t>
  </si>
  <si>
    <t>ｻﾄｳｼｮｸﾋﾝ</t>
  </si>
  <si>
    <t>ふんわりごはん特盛</t>
  </si>
  <si>
    <t>ウーケ</t>
  </si>
  <si>
    <t>ｳ-ｹ</t>
  </si>
  <si>
    <t>パパッとやんわかこしひかり</t>
  </si>
  <si>
    <t>はごろもフーズ</t>
  </si>
  <si>
    <t>ﾊｺﾞﾛﾓﾌｰｽﾞ</t>
  </si>
  <si>
    <t>ふっくらかしわめし</t>
  </si>
  <si>
    <t>街かど食堂チキンライス3個パック</t>
  </si>
  <si>
    <t>160g×3</t>
  </si>
  <si>
    <t>ふっくら五目釜めし3個パック</t>
  </si>
  <si>
    <t>ふっくら赤飯3個パック</t>
  </si>
  <si>
    <t>白がゆ</t>
  </si>
  <si>
    <t>梅がゆ</t>
  </si>
  <si>
    <t>玉子がゆ</t>
  </si>
  <si>
    <t>鮭がゆ</t>
  </si>
  <si>
    <t>旨みだしふんわりたまご玉子とさけ雑炊</t>
  </si>
  <si>
    <t>越後製菓1/2サイズ切りもち</t>
  </si>
  <si>
    <t>越後製菓</t>
  </si>
  <si>
    <t>ｴﾁｺﾞｾｲｶ</t>
  </si>
  <si>
    <t>サトウのしゃぶしゃぶもち</t>
  </si>
  <si>
    <t>144g</t>
  </si>
  <si>
    <t>切り餅一本</t>
  </si>
  <si>
    <t>魚沼こがね切り餅</t>
  </si>
  <si>
    <t>アイリスフーズ</t>
  </si>
  <si>
    <t>ｱｲﾘｽﾌｰｽﾞ</t>
  </si>
  <si>
    <t>低温製法米生きりもち</t>
  </si>
  <si>
    <t>生切餅バラ</t>
  </si>
  <si>
    <t>切り餅シングルパック</t>
  </si>
  <si>
    <t>まる餅シングルパック</t>
  </si>
  <si>
    <t>国産低温製法米の生きりもち個包装</t>
  </si>
  <si>
    <t>1800g</t>
  </si>
  <si>
    <t>サトウの切り餅パリッとスリット</t>
  </si>
  <si>
    <t>もっちり生きりもち個包装</t>
  </si>
  <si>
    <t>国産こしひかりやわらかごはん小盛分割6食</t>
  </si>
  <si>
    <t>テーブルマーク</t>
  </si>
  <si>
    <t>ﾃ-ﾌﾞﾙﾏ-ｸ</t>
  </si>
  <si>
    <t>低温製法米のおいしいごはんゆめぴりか</t>
  </si>
  <si>
    <t>150g×3P</t>
  </si>
  <si>
    <t>糖質25%offごはん3食</t>
  </si>
  <si>
    <t>玄米ごはん3個パック</t>
  </si>
  <si>
    <t>低温製法米だて正夢</t>
  </si>
  <si>
    <t>福岡県元気つくしごはんパック</t>
  </si>
  <si>
    <t>魚沼産こしひかり</t>
  </si>
  <si>
    <t>あったかごはん大盛3個パック</t>
  </si>
  <si>
    <t>250g×3</t>
  </si>
  <si>
    <t>国産こしひかり3食</t>
  </si>
  <si>
    <t>540g</t>
  </si>
  <si>
    <t>国産こしひかり5食</t>
  </si>
  <si>
    <t>新潟こしひかり</t>
  </si>
  <si>
    <t>200g×3P</t>
  </si>
  <si>
    <t>こだわりコシヒカリ小盛</t>
  </si>
  <si>
    <t>日本のごはん</t>
  </si>
  <si>
    <t>120g×4P</t>
  </si>
  <si>
    <t>無添加ふんわりごはん</t>
  </si>
  <si>
    <t>180g×3P</t>
  </si>
  <si>
    <t>神明</t>
  </si>
  <si>
    <t>ｼﾝﾒｲ</t>
  </si>
  <si>
    <t>低温製法米のパックごはん国産米</t>
  </si>
  <si>
    <t>180g×10P</t>
  </si>
  <si>
    <t>銀シャリ5食パック</t>
  </si>
  <si>
    <t>200g×5P</t>
  </si>
  <si>
    <t>低温製法国産米パックごはん180g×6p</t>
  </si>
  <si>
    <t>180gX6p</t>
  </si>
  <si>
    <t>香ばし旨いおかずラー油</t>
  </si>
  <si>
    <t>素材缶詰・瓶詰・フルーツ缶</t>
  </si>
  <si>
    <t>九州GO_SM_3尺2本_1800_田村</t>
  </si>
  <si>
    <t>辛そうで辛くない少し辛いラー油</t>
  </si>
  <si>
    <t>パラパラおかずラー油</t>
  </si>
  <si>
    <t>ピリ辛ラー油きのこ</t>
  </si>
  <si>
    <t>三商</t>
  </si>
  <si>
    <t>ｺｳﾜﾌﾞｯｻﾝ</t>
  </si>
  <si>
    <t>梅なじみ</t>
  </si>
  <si>
    <t>ライフエイド</t>
  </si>
  <si>
    <t>ﾗｲﾌｴｲﾄﾞ</t>
  </si>
  <si>
    <t>メンマ</t>
  </si>
  <si>
    <t>ザーサイお徳用</t>
  </si>
  <si>
    <t>穂先メンマやわらぎお徳用</t>
  </si>
  <si>
    <t>きざみにんにくお徳用</t>
  </si>
  <si>
    <t>きざみしょうがお徳用</t>
  </si>
  <si>
    <t>205g</t>
  </si>
  <si>
    <t>鮭ほぐし</t>
  </si>
  <si>
    <t>鮭フレークオリーブオイル仕上げ</t>
  </si>
  <si>
    <t>オルソン</t>
  </si>
  <si>
    <t>ｵﾙｿﾝ</t>
  </si>
  <si>
    <t>焼さけあらほぐし2P</t>
  </si>
  <si>
    <t>日本水産</t>
  </si>
  <si>
    <t>ﾆﾎﾝｽｲｻﾝ</t>
  </si>
  <si>
    <t>なめ茸国産固形分60%</t>
  </si>
  <si>
    <t>うす塩なめ茸80%</t>
  </si>
  <si>
    <t>なめ茸60%</t>
  </si>
  <si>
    <t>395g</t>
  </si>
  <si>
    <t>あけぼの鮭EO缶</t>
  </si>
  <si>
    <t>まるずわいがにほぐしみ</t>
  </si>
  <si>
    <t>宝幸貝柱水煮ほぐし身ほたてエキス配合</t>
  </si>
  <si>
    <t>あさり水煮</t>
  </si>
  <si>
    <t>しっとりひじき</t>
  </si>
  <si>
    <t>とりそぼろ2個パック</t>
  </si>
  <si>
    <t>104g</t>
  </si>
  <si>
    <t>ﾆｯｽｲ</t>
  </si>
  <si>
    <t>クリームコーン粒入り贅沢</t>
  </si>
  <si>
    <t>380g</t>
  </si>
  <si>
    <t>ホールコーンはじける贅沢</t>
  </si>
  <si>
    <t>ホールカーネル</t>
  </si>
  <si>
    <t>420g</t>
  </si>
  <si>
    <t>ﾄｩﾊﾞｯﾄﾚｰﾃﾞ</t>
  </si>
  <si>
    <t>シャキッとコーンクリーム</t>
  </si>
  <si>
    <t>シャキッとコーン</t>
  </si>
  <si>
    <t>シャキッと大豆M2号缶</t>
  </si>
  <si>
    <t>ミックスビーンズ</t>
  </si>
  <si>
    <t>いなば食品</t>
  </si>
  <si>
    <t>ｲﾅﾊﾞｼｮｸﾋﾝ</t>
  </si>
  <si>
    <t>ビーンズデリ　サラダ豆</t>
  </si>
  <si>
    <t>サンヨーマッシュルームスライスパウチ</t>
  </si>
  <si>
    <t>サンヨー堂</t>
  </si>
  <si>
    <t>ｻﾝﾖ-ﾄﾞｳ</t>
  </si>
  <si>
    <t>ホームクッキングサラダビーンズ</t>
  </si>
  <si>
    <t>ﾊｺﾞﾛﾓﾌ-ｽﾞ</t>
  </si>
  <si>
    <t>ホームクッキンググリンピース</t>
  </si>
  <si>
    <t>HCヤングコーン</t>
  </si>
  <si>
    <t>HCシャキッとコーン</t>
  </si>
  <si>
    <t>ホームクッキングうずらの卵国産</t>
  </si>
  <si>
    <t>8ｺ</t>
  </si>
  <si>
    <t>ホームクッキングぎんなん</t>
  </si>
  <si>
    <t>シーチキンSmileマイルド3P</t>
  </si>
  <si>
    <t>シーチキンＳｍｉｌｅオイル不使用Ｍ</t>
  </si>
  <si>
    <t>シーチキンSmileＬフレーク3P</t>
  </si>
  <si>
    <t>シーチキンSmile水煮Ｌフレーク３P</t>
  </si>
  <si>
    <t>シーチキンマヨネーズタイプしょうゆ味</t>
  </si>
  <si>
    <t>ツナ＆コーン</t>
  </si>
  <si>
    <t>オイル不使用シーチキンマイルド</t>
  </si>
  <si>
    <t>まぐろと天然水だけのシーチキン純</t>
  </si>
  <si>
    <t>シーチキンL</t>
  </si>
  <si>
    <t>シーチキンファンシー</t>
  </si>
  <si>
    <t>シーチキンマイルドTHSP3</t>
  </si>
  <si>
    <t>70g×3P</t>
  </si>
  <si>
    <t>オイル不使用シーチキンマイルド3P</t>
  </si>
  <si>
    <t>シーチキンLフレークTHSP3</t>
  </si>
  <si>
    <t>ライトツナフレークまぐろ油漬</t>
  </si>
  <si>
    <t>70g×3</t>
  </si>
  <si>
    <t>ライトツナフレークまぐろオイル不使用</t>
  </si>
  <si>
    <t>のり佃煮</t>
  </si>
  <si>
    <t>島乃香</t>
  </si>
  <si>
    <t>ｼﾏﾉｶ</t>
  </si>
  <si>
    <t>甘いですよ</t>
  </si>
  <si>
    <t>ごはんですよ</t>
  </si>
  <si>
    <t>花らっきょう</t>
  </si>
  <si>
    <t>梅ごのみ</t>
  </si>
  <si>
    <t>105g</t>
  </si>
  <si>
    <t>いか塩辛</t>
  </si>
  <si>
    <t>オリーブの実</t>
  </si>
  <si>
    <t>加藤産業</t>
  </si>
  <si>
    <t>ｾﾙﾋﾟｽ</t>
  </si>
  <si>
    <t>ブラックオリーブの実</t>
  </si>
  <si>
    <t>SOケーパー</t>
  </si>
  <si>
    <t>キョーリキ</t>
  </si>
  <si>
    <t>ｻﾝﾖｳｼｮｸﾋﾝ</t>
  </si>
  <si>
    <t>キングオスカーオイルサーデン</t>
  </si>
  <si>
    <t>アスパラホワイト</t>
  </si>
  <si>
    <t>ｻﾝﾖｰﾄﾞｳ</t>
  </si>
  <si>
    <t>スパムミート25%レスソルト</t>
  </si>
  <si>
    <t>ﾎｰﾒﾙ</t>
  </si>
  <si>
    <t>ニューコンミート</t>
  </si>
  <si>
    <t>川商フーズ</t>
  </si>
  <si>
    <t>ｶﾜｼｮｳﾌｰｽﾞ</t>
  </si>
  <si>
    <t>ノザキコンビーフ</t>
  </si>
  <si>
    <t>_</t>
  </si>
  <si>
    <t>はごろも煮（ＴＨ）M2</t>
  </si>
  <si>
    <t>あさりしょうが煮</t>
  </si>
  <si>
    <t>やきとりたれ味</t>
  </si>
  <si>
    <t>ホテイフーズコーポレーション</t>
  </si>
  <si>
    <t>ﾎﾃｲﾌ-ｽﾞCP</t>
  </si>
  <si>
    <t>やきとり塩</t>
  </si>
  <si>
    <t>いか味付</t>
  </si>
  <si>
    <t>さばみそ煮月花</t>
  </si>
  <si>
    <t>さば水煮月花</t>
  </si>
  <si>
    <t>さばで健康しょうゆ味パウチ</t>
  </si>
  <si>
    <t>さばで健康みそ味パウチ</t>
  </si>
  <si>
    <t>いわしで健康みそ味パウチ</t>
  </si>
  <si>
    <t>いわしで健康しょうゆ味パウチ</t>
  </si>
  <si>
    <t>さば味噌煮</t>
  </si>
  <si>
    <t>さば味付</t>
  </si>
  <si>
    <t>さば水煮</t>
  </si>
  <si>
    <t>国内産いわし味噌煮缶</t>
  </si>
  <si>
    <t>国内産いわし味付け缶</t>
  </si>
  <si>
    <t>さんま蒲焼</t>
  </si>
  <si>
    <t>フルーツ缶</t>
  </si>
  <si>
    <t>朝からフルーツミックス</t>
  </si>
  <si>
    <t>朝からフルーツみかん</t>
  </si>
  <si>
    <t>いつものアロエ</t>
  </si>
  <si>
    <t>和歌山産業</t>
  </si>
  <si>
    <t>ﾜｶﾔﾏｻﾝｷﾞｮｳ</t>
  </si>
  <si>
    <t>いつものナタデココ</t>
  </si>
  <si>
    <t>甘みあっさりミックス</t>
  </si>
  <si>
    <t>甘みあっさりみかんパウチ</t>
  </si>
  <si>
    <t>甘みあっさり白桃</t>
  </si>
  <si>
    <t>白桃二つ割り国内産</t>
  </si>
  <si>
    <t>4号缶</t>
  </si>
  <si>
    <t>太洋食品</t>
  </si>
  <si>
    <t>ﾀｲﾖｳｼｮｸﾋﾝ</t>
  </si>
  <si>
    <t>甘夏みかん身割れ国内産</t>
  </si>
  <si>
    <t>特7号缶</t>
  </si>
  <si>
    <t>パインスライスK3</t>
  </si>
  <si>
    <t>425g</t>
  </si>
  <si>
    <t>ｶﾝﾋﾟ-</t>
  </si>
  <si>
    <t>トロピカルフルーツミックス</t>
  </si>
  <si>
    <t>227g</t>
  </si>
  <si>
    <t>ホテイデザートナタデココ190g</t>
  </si>
  <si>
    <t>ﾎﾃｲ</t>
  </si>
  <si>
    <t>白桃缶</t>
  </si>
  <si>
    <t>アリョウフーズ</t>
  </si>
  <si>
    <t>ｻﾝﾖｳﾂｳｼｮｳ</t>
  </si>
  <si>
    <t>黄桃缶</t>
  </si>
  <si>
    <t>みかん缶</t>
  </si>
  <si>
    <t>海産乾物</t>
  </si>
  <si>
    <t>みそ汁の具</t>
  </si>
  <si>
    <t>ヤマザキ食販</t>
  </si>
  <si>
    <t>ﾔﾏｻﾞｷｼｮｸﾊﾝ</t>
  </si>
  <si>
    <t>海産乾物・海苔</t>
  </si>
  <si>
    <t>九州GO_SM_3尺3本_1800</t>
  </si>
  <si>
    <t>台湾産桜えび</t>
  </si>
  <si>
    <t>粉類</t>
  </si>
  <si>
    <t>小えび</t>
  </si>
  <si>
    <t>芽ひじき水戻し不要</t>
  </si>
  <si>
    <t>くらこん</t>
  </si>
  <si>
    <t>ｸﾗｺﾝ</t>
  </si>
  <si>
    <t>大分県産芽ひじき</t>
  </si>
  <si>
    <t>広伝</t>
  </si>
  <si>
    <t>ﾋﾛﾃﾞﾝ</t>
  </si>
  <si>
    <t>大分県産長ひじき</t>
  </si>
  <si>
    <t>国産食べる小魚</t>
  </si>
  <si>
    <t>無添加山口県周防大島産煮干いりこ</t>
  </si>
  <si>
    <t>シーガル</t>
  </si>
  <si>
    <t>ｼｰｶﾞﾙ</t>
  </si>
  <si>
    <t>いりこ</t>
  </si>
  <si>
    <t>かつお粉</t>
  </si>
  <si>
    <t>マルモ</t>
  </si>
  <si>
    <t>ﾏﾙﾓ</t>
  </si>
  <si>
    <t>うるめ削りぶし</t>
  </si>
  <si>
    <t>煮干し削り</t>
  </si>
  <si>
    <t>だしの力</t>
  </si>
  <si>
    <t>花かつお</t>
  </si>
  <si>
    <t>ｶﾂｵﾌﾞｼﾉｶﾈｲ</t>
  </si>
  <si>
    <t>徳用花かつお</t>
  </si>
  <si>
    <t>徳用かつおパック</t>
  </si>
  <si>
    <t>1.5g×5P</t>
  </si>
  <si>
    <t>1.5g×8P</t>
  </si>
  <si>
    <t>1.5g×20P</t>
  </si>
  <si>
    <t>直火焼ソフト削り</t>
  </si>
  <si>
    <t>2g×10</t>
  </si>
  <si>
    <t>直火焼ソフトけずり</t>
  </si>
  <si>
    <t>ふえるわかめちゃん三陸</t>
  </si>
  <si>
    <t>ふえるわかめちゃん韓国</t>
  </si>
  <si>
    <t>海藻サラダ</t>
  </si>
  <si>
    <t>塩こんぶ</t>
  </si>
  <si>
    <t>ほんぽ</t>
  </si>
  <si>
    <t>ﾎﾝﾎﾟ</t>
  </si>
  <si>
    <t>塩こんぶ大</t>
  </si>
  <si>
    <t>塩っぺゴールド</t>
  </si>
  <si>
    <t>ブンセン</t>
  </si>
  <si>
    <t>ﾌﾞﾝｾﾝ</t>
  </si>
  <si>
    <t>47g</t>
  </si>
  <si>
    <t>カットわかめ</t>
  </si>
  <si>
    <t>カットわかめ大</t>
  </si>
  <si>
    <t>松前漬たれ付</t>
  </si>
  <si>
    <t>こんぶ巻</t>
  </si>
  <si>
    <t>とろろ昆布</t>
  </si>
  <si>
    <t>とろろ昆布大</t>
  </si>
  <si>
    <t>たべたろう根こんぶ入とろろ</t>
  </si>
  <si>
    <t>前島食品</t>
  </si>
  <si>
    <t>ﾏｴｼﾞﾏｼｮｸﾋﾝ</t>
  </si>
  <si>
    <t>国産カットだし真昆布</t>
  </si>
  <si>
    <t>たべたろうジャンボ切出し昆布</t>
  </si>
  <si>
    <t>北海道道東産野菜昆布</t>
  </si>
  <si>
    <t>利尻昆布</t>
  </si>
  <si>
    <t>海苔</t>
  </si>
  <si>
    <t>味付のり卓上</t>
  </si>
  <si>
    <t>10切80枚入</t>
  </si>
  <si>
    <t>ニコニコのり</t>
  </si>
  <si>
    <t>ﾆｺﾆｺﾉﾘ</t>
  </si>
  <si>
    <t>韓国産味付卓上</t>
  </si>
  <si>
    <t>12切80枚</t>
  </si>
  <si>
    <t>大森屋</t>
  </si>
  <si>
    <t>ｵｵﾓﾘﾔ</t>
  </si>
  <si>
    <t>重等級原料使用味卓上</t>
  </si>
  <si>
    <t>10切100枚入</t>
  </si>
  <si>
    <t>バリバリ職人男梅味</t>
  </si>
  <si>
    <t>30枚入</t>
  </si>
  <si>
    <t>バリバリ職人やみつき昆布味</t>
  </si>
  <si>
    <t>味おかずのり</t>
  </si>
  <si>
    <t>6切6枚入8P</t>
  </si>
  <si>
    <t>丸政水産</t>
  </si>
  <si>
    <t>ﾏﾙﾏｻｽｲｻﾝ</t>
  </si>
  <si>
    <t>おかず海苔</t>
  </si>
  <si>
    <t>6切5枚6袋</t>
  </si>
  <si>
    <t>巻寿司のり</t>
  </si>
  <si>
    <t>全型5枚入</t>
  </si>
  <si>
    <t>味付のりキズ</t>
  </si>
  <si>
    <t>全型10枚入</t>
  </si>
  <si>
    <t>有明のり焼のり金</t>
  </si>
  <si>
    <t>国内産あおさ粉</t>
  </si>
  <si>
    <t>ヤマヒデ食品</t>
  </si>
  <si>
    <t>ﾔﾏﾋﾃﾞｼｮｸﾋﾝ</t>
  </si>
  <si>
    <t>焼ききざみのり</t>
  </si>
  <si>
    <t>サラのり</t>
  </si>
  <si>
    <t>味付もみのり</t>
  </si>
  <si>
    <t>焼きのり板のり</t>
  </si>
  <si>
    <t>10枚</t>
  </si>
  <si>
    <t>金原海苔店</t>
  </si>
  <si>
    <t>ｷﾝﾊﾞﾗﾉﾘﾃﾝ</t>
  </si>
  <si>
    <t>焼きのりすしはね</t>
  </si>
  <si>
    <t>全形8枚入</t>
  </si>
  <si>
    <t>有明の華初摘み焼のり</t>
  </si>
  <si>
    <t>巻海苔</t>
  </si>
  <si>
    <t>全型20枚入</t>
  </si>
  <si>
    <t>焼おむすび大好き</t>
  </si>
  <si>
    <t>3切30枚入</t>
  </si>
  <si>
    <t>味おむすび大好き</t>
  </si>
  <si>
    <t>手巻きのり</t>
  </si>
  <si>
    <t>2切20枚入</t>
  </si>
  <si>
    <t>手巻焼きのり</t>
  </si>
  <si>
    <t>2切30枚入</t>
  </si>
  <si>
    <t>手巻き焼のり少々キズあり</t>
  </si>
  <si>
    <t>徳用焼のり手巻</t>
  </si>
  <si>
    <t>2切40枚入</t>
  </si>
  <si>
    <t>味付にぎりめし</t>
  </si>
  <si>
    <t>6切6枚入4P</t>
  </si>
  <si>
    <t>味のり大好きいただきます</t>
  </si>
  <si>
    <t>味付のり36束</t>
  </si>
  <si>
    <t>36ﾀﾊﾞ</t>
  </si>
  <si>
    <t>大洋食品</t>
  </si>
  <si>
    <t>味銀</t>
  </si>
  <si>
    <t>12切5枚入6P</t>
  </si>
  <si>
    <t>ジャバンのり</t>
  </si>
  <si>
    <t>ｷﾝﾊﾞﾗﾉﾘ</t>
  </si>
  <si>
    <t>韓国のり味付けジャバンのり</t>
  </si>
  <si>
    <t>永井海苔</t>
  </si>
  <si>
    <t>ﾅｶﾞｲﾉﾘ</t>
  </si>
  <si>
    <t>かけて食べる韓国のり</t>
  </si>
  <si>
    <t>ｼｰｼﾞｪｲ</t>
  </si>
  <si>
    <t>熟成ジャバンのりスタンダード</t>
  </si>
  <si>
    <t>韓国味付海苔</t>
  </si>
  <si>
    <t>8切8枚3P</t>
  </si>
  <si>
    <t>8切8枚12P</t>
  </si>
  <si>
    <t>農産乾物</t>
  </si>
  <si>
    <t>かんてんクック</t>
  </si>
  <si>
    <t>伊那食品工業</t>
  </si>
  <si>
    <t>ｲﾅｼｮｸﾋﾝ</t>
  </si>
  <si>
    <t>裏白きくらげホール</t>
  </si>
  <si>
    <t>信明商事</t>
  </si>
  <si>
    <t>ｼﾝﾒｲｼｮｳｼﾞ</t>
  </si>
  <si>
    <t>裏白きくらげスライス</t>
  </si>
  <si>
    <t>黒きくらげ</t>
  </si>
  <si>
    <t>国内産厚肉椎茸</t>
  </si>
  <si>
    <t>兼貞物産</t>
  </si>
  <si>
    <t>ｶﾈｻﾀﾞ</t>
  </si>
  <si>
    <t>九州産乾椎茸どんこ</t>
  </si>
  <si>
    <t>安藤商店</t>
  </si>
  <si>
    <t>ｱﾝﾄﾞｳｼｮｳﾃﾝ</t>
  </si>
  <si>
    <t>九州産乾椎茸香信</t>
  </si>
  <si>
    <t>日本産スライス椎茸</t>
  </si>
  <si>
    <t>三共椎茸</t>
  </si>
  <si>
    <t>ｻﾝｷｮｳｼｲﾀｹ</t>
  </si>
  <si>
    <t>椎茸花どんこ</t>
  </si>
  <si>
    <t>中国産白花豆</t>
  </si>
  <si>
    <t>ナカトラ</t>
  </si>
  <si>
    <t>ﾅｶﾄﾗ</t>
  </si>
  <si>
    <t>北海道パウチゆであずき</t>
  </si>
  <si>
    <t>井村屋</t>
  </si>
  <si>
    <t>ｲﾑﾗﾔ</t>
  </si>
  <si>
    <t>北海道カップゆであずき</t>
  </si>
  <si>
    <t>北海道産こしあん</t>
  </si>
  <si>
    <t>赤飯用あずき水煮缶</t>
  </si>
  <si>
    <t>お赤飯の素</t>
  </si>
  <si>
    <t>あんこ屋が作ったゆであずきT2号缶</t>
  </si>
  <si>
    <t>橋本食糧工業</t>
  </si>
  <si>
    <t>ﾊｼﾓﾄｼｮｸﾋﾝ</t>
  </si>
  <si>
    <t>ゆであずき</t>
  </si>
  <si>
    <t>谷尾食糧工業</t>
  </si>
  <si>
    <t>ﾀﾆｵｼｮｸﾘｮｳ</t>
  </si>
  <si>
    <t>北海道産小豆</t>
  </si>
  <si>
    <t>カワカミ</t>
  </si>
  <si>
    <t>ｶﾜｶﾐ</t>
  </si>
  <si>
    <t>北海道産大納言</t>
  </si>
  <si>
    <t>北海道産金時豆</t>
  </si>
  <si>
    <t>北海道産大豆</t>
  </si>
  <si>
    <t>北海道産黒豆</t>
  </si>
  <si>
    <t>滋賀産丹波黒豆</t>
  </si>
  <si>
    <t>はったい粉</t>
  </si>
  <si>
    <t>日の出製粉</t>
  </si>
  <si>
    <t>ﾋﾉﾃﾞｾｲﾌﾝ</t>
  </si>
  <si>
    <t>だんご粉</t>
  </si>
  <si>
    <t>白玉粉</t>
  </si>
  <si>
    <t>上新粉</t>
  </si>
  <si>
    <t>もち粉</t>
  </si>
  <si>
    <t>くず粉</t>
  </si>
  <si>
    <t>そば粉</t>
  </si>
  <si>
    <t>五木食品</t>
  </si>
  <si>
    <t>ｲﾂｷｼｮｸﾋﾝ</t>
  </si>
  <si>
    <t>きな粉</t>
  </si>
  <si>
    <t>国産きな粉</t>
  </si>
  <si>
    <t>京きなこ</t>
  </si>
  <si>
    <t>マツモトフーツ</t>
  </si>
  <si>
    <t>ﾏﾂﾓﾄﾌ-ﾂ</t>
  </si>
  <si>
    <t>とろけるきなこ</t>
  </si>
  <si>
    <t>きなこゴマパウダー</t>
  </si>
  <si>
    <t>京花ふ</t>
  </si>
  <si>
    <t>敷島産業</t>
  </si>
  <si>
    <t>ｼｷｼﾏｻﾝｷﾞｮｳ</t>
  </si>
  <si>
    <t>使い切りうず巻荘内麩</t>
  </si>
  <si>
    <t>真田</t>
  </si>
  <si>
    <t>ﾔﾏｼﾛﾔ</t>
  </si>
  <si>
    <t>焼麩</t>
  </si>
  <si>
    <t>ｼｷｼﾏｻﾝｷﾞﾖｳ</t>
  </si>
  <si>
    <t>おつゆ麸</t>
  </si>
  <si>
    <t>常陸屋本舗</t>
  </si>
  <si>
    <t>ﾋﾀﾁﾔ</t>
  </si>
  <si>
    <t>片栗粉</t>
  </si>
  <si>
    <t>北海道産片栗粉チャック付</t>
  </si>
  <si>
    <t>火乃国食品工業</t>
  </si>
  <si>
    <t>ﾋﾉｸﾆｼｮｳｼﾞ</t>
  </si>
  <si>
    <t>高野豆腐1/2カット</t>
  </si>
  <si>
    <t>登喜和冷凍食品</t>
  </si>
  <si>
    <t>こうや豆腐</t>
  </si>
  <si>
    <t>小さな新あさひ豆腐粉末調味料付</t>
  </si>
  <si>
    <t>79.5g</t>
  </si>
  <si>
    <t>旭松食品</t>
  </si>
  <si>
    <t>ｱｻﾋﾏﾂｼｮｸﾋﾝ</t>
  </si>
  <si>
    <t>小さな新あさひ豆腐減塩粉末調味料付</t>
  </si>
  <si>
    <t>煮物が好きになりました高野豆腐</t>
  </si>
  <si>
    <t>ｻﾅﾀﾞ</t>
  </si>
  <si>
    <t>新あさひ豆腐5個入</t>
  </si>
  <si>
    <t>新あさひ豆腐10個入</t>
  </si>
  <si>
    <t>カット糸寒天</t>
  </si>
  <si>
    <t>北原産業</t>
  </si>
  <si>
    <t>ｷﾀﾊﾗｻﾝｷﾞｮｳ</t>
  </si>
  <si>
    <t>千切大根</t>
  </si>
  <si>
    <t>切干大根</t>
  </si>
  <si>
    <t>干瓢すし日和栃木産</t>
  </si>
  <si>
    <t>渡辺商店</t>
  </si>
  <si>
    <t>ﾜﾀﾅﾍﾞｼｮｳﾃﾝ</t>
  </si>
  <si>
    <t>スライスにんにく</t>
  </si>
  <si>
    <t>わけぎ</t>
  </si>
  <si>
    <t>0.2g×14P</t>
  </si>
  <si>
    <t>北海道産つぶあん</t>
  </si>
  <si>
    <t>有機いりごま白</t>
  </si>
  <si>
    <t>有機すりゴマ白</t>
  </si>
  <si>
    <t>ごまにんにく</t>
  </si>
  <si>
    <t>三幸産業</t>
  </si>
  <si>
    <t>ｻﾝｺｳｻﾝｷﾞｮｳ</t>
  </si>
  <si>
    <t>純おいしいねりごま白パウチ</t>
  </si>
  <si>
    <t>大根と人参の小鉢</t>
  </si>
  <si>
    <t>魚の屋</t>
  </si>
  <si>
    <t>ｳｵﾉﾔ</t>
  </si>
  <si>
    <t>ひじきと人参の小鉢</t>
  </si>
  <si>
    <t>ポップマジック</t>
  </si>
  <si>
    <t>いりごま白</t>
  </si>
  <si>
    <t>煎りたて一番いりごま黒</t>
  </si>
  <si>
    <t>擂り立て一番白</t>
  </si>
  <si>
    <t>すりごま黒</t>
  </si>
  <si>
    <t>煎りたて一番いりごま白</t>
  </si>
  <si>
    <t>皮むきいりごま</t>
  </si>
  <si>
    <t>クラッシュアーモンドすりごま</t>
  </si>
  <si>
    <t>即席焼ビーフン</t>
  </si>
  <si>
    <t>ケンミン食品</t>
  </si>
  <si>
    <t>ｹﾝﾐﾝｼｮｸﾋﾝ</t>
  </si>
  <si>
    <t>お米100%ビーフン</t>
  </si>
  <si>
    <t>葛きりクイック</t>
  </si>
  <si>
    <t>森井食品</t>
  </si>
  <si>
    <t>ﾓﾘｲｼｮｸﾋﾝ</t>
  </si>
  <si>
    <t>緑豆はるさめ</t>
  </si>
  <si>
    <t>篠崎一雄商店</t>
  </si>
  <si>
    <t>ｼﾉｻﾞｷｶｽﾞｵ</t>
  </si>
  <si>
    <t>チャプチェ春雨</t>
  </si>
  <si>
    <t>大象ジャパン</t>
  </si>
  <si>
    <t>うまかあじすり胡麻白</t>
  </si>
  <si>
    <t>うまかあじすりごま黒</t>
  </si>
  <si>
    <t>ｱﾘｮｳﾌｰｽﾞ</t>
  </si>
  <si>
    <t>370g</t>
  </si>
  <si>
    <t>マロニーちゃん</t>
  </si>
  <si>
    <t>お鍋にマロニーちゃん</t>
  </si>
  <si>
    <t>しきしまあわ雪麩</t>
  </si>
  <si>
    <t>63g</t>
  </si>
  <si>
    <t>ｼｷｼﾏ</t>
  </si>
  <si>
    <t>ペッパーソース</t>
  </si>
  <si>
    <t>60ml</t>
  </si>
  <si>
    <t>ピービーアイジャパン</t>
  </si>
  <si>
    <t>ﾋﾟｰﾋﾞｰｱｲJP</t>
  </si>
  <si>
    <t>九州GO_DRG_3尺2本1800_共通</t>
  </si>
  <si>
    <t>ハラペーニョ</t>
  </si>
  <si>
    <t>粉チーズ</t>
  </si>
  <si>
    <t>ﾄﾏﾄｺﾎﾟﾚｼｮﾝ</t>
  </si>
  <si>
    <t>パスタを手作りオイルソースしょうゆ＆ペパー</t>
  </si>
  <si>
    <t>パスタを手作りオイルソースガーリック＆赤とうがらし</t>
  </si>
  <si>
    <t>おうちパスタバジル</t>
  </si>
  <si>
    <t>おうちパスタごま醤油ガーリック</t>
  </si>
  <si>
    <t>おうちパスタたらこマヨネーズ</t>
  </si>
  <si>
    <t>おうちパスタペペロンチーノ</t>
  </si>
  <si>
    <t>具入りケチャッピーナポリタン</t>
  </si>
  <si>
    <t>日清フーズ</t>
  </si>
  <si>
    <t>ﾆｯｼﾝｳｪﾙﾅ</t>
  </si>
  <si>
    <t>アンパンマンミニパックミートソースポーク</t>
  </si>
  <si>
    <t>2p</t>
  </si>
  <si>
    <t>早ゆでインスタントマカロニ</t>
  </si>
  <si>
    <t>日本製粉</t>
  </si>
  <si>
    <t>ﾆｯﾌﾟﾝ</t>
  </si>
  <si>
    <t>早ゆでサラダマカロニ</t>
  </si>
  <si>
    <t>早ゆでペンネマカロニ</t>
  </si>
  <si>
    <t>早ゆでサラダカールマカロニ</t>
  </si>
  <si>
    <t>サラスパ</t>
  </si>
  <si>
    <t>極上アルデンテがおいしいスパゲッティ</t>
  </si>
  <si>
    <t>金のパスタフェットチーネ</t>
  </si>
  <si>
    <t>早ゆで3分スパゲティ1.6mmチャック付結束</t>
  </si>
  <si>
    <t>早ゆで4分スパゲティ1.8mmチャック付結束</t>
  </si>
  <si>
    <t>オーマイプレミアムもちっと結束スパゲッティ1.5mm</t>
  </si>
  <si>
    <t>スパゲッティ1.5</t>
  </si>
  <si>
    <t>スパゲッティ1.7</t>
  </si>
  <si>
    <t>日清フーズ　マ・マー　早ゆでスパ２／３Ｓ１．８ｍｍ　４００ｇ</t>
  </si>
  <si>
    <t>ﾆｯｼﾝﾌｰｽﾞ</t>
  </si>
  <si>
    <t>早ゆでスパゲティ2/3サイズ1.6mm</t>
  </si>
  <si>
    <t>チャック付結束スパゲティ1.4mm</t>
  </si>
  <si>
    <t>チャック付結束スパゲティ1.6mm</t>
  </si>
  <si>
    <t>ポポロスパゲティ</t>
  </si>
  <si>
    <t>スパゲティ1.5mmチャック付き</t>
  </si>
  <si>
    <t>スパゲッティ　</t>
  </si>
  <si>
    <t>ﾆﾎﾝｺｰﾋｰ</t>
  </si>
  <si>
    <t>スパゲッティ</t>
  </si>
  <si>
    <t>アンナマンマトマト＆バジル</t>
  </si>
  <si>
    <t>330g</t>
  </si>
  <si>
    <t>アンナマンマトマトガーリック</t>
  </si>
  <si>
    <t>米沢牛黄木</t>
  </si>
  <si>
    <t>あらびきミートソース</t>
  </si>
  <si>
    <t>7号缶</t>
  </si>
  <si>
    <t>ミートソースマッシュルーム入り</t>
  </si>
  <si>
    <t>朝日商事</t>
  </si>
  <si>
    <t>ｱｻﾋｼｮｳｼﾞ</t>
  </si>
  <si>
    <t>ルーミックミートソース</t>
  </si>
  <si>
    <t>69g</t>
  </si>
  <si>
    <t>ラザニエッテ</t>
  </si>
  <si>
    <t>青の洞窟ボロネーゼ</t>
  </si>
  <si>
    <t>青の洞窟カルボナーラ</t>
  </si>
  <si>
    <t>青の洞窟海老と帆立のトマトクリーム</t>
  </si>
  <si>
    <t>青の洞窟ズワイ蟹のトマトクリーム</t>
  </si>
  <si>
    <t>牛肉とイベリコ豚の粗挽きボロネーゼ</t>
  </si>
  <si>
    <t>粒たらこの十勝産生クリーム仕立て</t>
  </si>
  <si>
    <t>紅ずわい蟹のトマトクリーム</t>
  </si>
  <si>
    <t>青の洞窟クリーミーボロネーゼ</t>
  </si>
  <si>
    <t>青の洞窟スモークチーズのカルボナーラ</t>
  </si>
  <si>
    <t>レガーロボロネーゼ</t>
  </si>
  <si>
    <t>レガーロカルボナーラ</t>
  </si>
  <si>
    <t>140.5g</t>
  </si>
  <si>
    <t>あえるパスタソースミートソースフォン･ド･ヴォー仕立て</t>
  </si>
  <si>
    <t>80g×2P</t>
  </si>
  <si>
    <t>あえるミートソース完熟トマト仕立て</t>
  </si>
  <si>
    <t>あえるパスタソースカニのトマトクリーム</t>
  </si>
  <si>
    <t>70g×2P</t>
  </si>
  <si>
    <t>あえるパスタソースボンゴレビアンコ</t>
  </si>
  <si>
    <t>60g×2P</t>
  </si>
  <si>
    <t>あえるパスタソースカルボナーラ濃厚チーズ仕立て</t>
  </si>
  <si>
    <t>あえるパスタきのこバター醤油</t>
  </si>
  <si>
    <t>124g</t>
  </si>
  <si>
    <t>あえるパスタソースだし香る納豆</t>
  </si>
  <si>
    <t>30.3×2P</t>
  </si>
  <si>
    <t>生風味スパゲッティたらこ</t>
  </si>
  <si>
    <t>生風味スパゲッティ明太子</t>
  </si>
  <si>
    <t>あえるパスタたらこ</t>
  </si>
  <si>
    <t>23g×2P</t>
  </si>
  <si>
    <t>あえるパスタソース明太マヨ</t>
  </si>
  <si>
    <t>あえるパスタソース明太子</t>
  </si>
  <si>
    <t>あえるパスタソースバジル</t>
  </si>
  <si>
    <t>あえるパスタペペロンチーノ</t>
  </si>
  <si>
    <t>和パスタ好きのための高菜</t>
  </si>
  <si>
    <t>24.2g×2P</t>
  </si>
  <si>
    <t>オーマイ和パスタ好きのためのガリバタ醤油</t>
  </si>
  <si>
    <t>52.6g</t>
  </si>
  <si>
    <t>和パスタ好きのための明太子かるぼなーら</t>
  </si>
  <si>
    <t>33.4g×2P</t>
  </si>
  <si>
    <t>濃いあえるパスタソースガーリックトマト</t>
  </si>
  <si>
    <t>濃いあえるパスタソースカルボナーラ</t>
  </si>
  <si>
    <t>86g</t>
  </si>
  <si>
    <t>濃いあえるパスタソースペペロンチーノ</t>
  </si>
  <si>
    <t>49.2g</t>
  </si>
  <si>
    <t>トマトの果肉たっぷりのミートソース</t>
  </si>
  <si>
    <t>260g</t>
  </si>
  <si>
    <t>トマトの果肉たっぷりのナポリタン</t>
  </si>
  <si>
    <t>トマトの果肉たっぷりのガーリックトマト</t>
  </si>
  <si>
    <t>だしのうまみたっぷりの和風きのこ</t>
  </si>
  <si>
    <t>香味野菜たっぷりのあさりコンソメ</t>
  </si>
  <si>
    <t>ミートソース</t>
  </si>
  <si>
    <t>ナポリタン</t>
  </si>
  <si>
    <t>カルボナーラ</t>
  </si>
  <si>
    <t>ガーリックトマト</t>
  </si>
  <si>
    <t>濃いボロネーゼ</t>
  </si>
  <si>
    <t>濃いカルボナーラ</t>
  </si>
  <si>
    <t>たっぷりミートソース</t>
  </si>
  <si>
    <t>285g</t>
  </si>
  <si>
    <t>たっぷりナポリタン</t>
  </si>
  <si>
    <t>たっぷりカルボナーラ</t>
  </si>
  <si>
    <t>たっぷりアラビアータ</t>
  </si>
  <si>
    <t>柚子胡椒きのこだし醤油仕立て</t>
  </si>
  <si>
    <t>乾麺・半生麺・棒麺</t>
  </si>
  <si>
    <t>棒ラーメン</t>
  </si>
  <si>
    <t>164g</t>
  </si>
  <si>
    <t>マルタイ</t>
  </si>
  <si>
    <t>ﾏﾙﾀｲ</t>
  </si>
  <si>
    <t>九州GO_SM_Drg_3尺1本1800_共通</t>
  </si>
  <si>
    <t>屋台とんこつ味棒ラーメン</t>
  </si>
  <si>
    <t>棒状九州久留米とんこつラーメン</t>
  </si>
  <si>
    <t>サンポー食品</t>
  </si>
  <si>
    <t>ｻﾝﾎﾟｰ</t>
  </si>
  <si>
    <t>博多とんこつラ-メン</t>
  </si>
  <si>
    <t>73g×2P</t>
  </si>
  <si>
    <t>長崎皿うどん</t>
  </si>
  <si>
    <t>皿うどん2人前</t>
  </si>
  <si>
    <t>97g</t>
  </si>
  <si>
    <t>ヒガシマル</t>
  </si>
  <si>
    <t>ﾋｶﾞｼﾏﾙ</t>
  </si>
  <si>
    <t>スープ付うどん</t>
  </si>
  <si>
    <t>五木庵カレーうどん</t>
  </si>
  <si>
    <t>ナポリ風スパゲティ</t>
  </si>
  <si>
    <t>3食入スープ付うどん</t>
  </si>
  <si>
    <t>564g</t>
  </si>
  <si>
    <t>3食ナポリタン</t>
  </si>
  <si>
    <t>477g</t>
  </si>
  <si>
    <t>北海道小麦そうめん</t>
  </si>
  <si>
    <t>揖保の糸素麺</t>
  </si>
  <si>
    <t>兵庫県手延素麺協同組合</t>
  </si>
  <si>
    <t>ﾃﾉﾍﾞｷｮｳｶｲ</t>
  </si>
  <si>
    <t>冷麦</t>
  </si>
  <si>
    <t>半生冷し中華</t>
  </si>
  <si>
    <t>252g</t>
  </si>
  <si>
    <t>山芋入りそば</t>
  </si>
  <si>
    <t>滝沢更科十割そば</t>
  </si>
  <si>
    <t>讃岐ざるうどん</t>
  </si>
  <si>
    <t>川田製麺</t>
  </si>
  <si>
    <t>ｶﾜﾀﾞｾｲﾒﾝ</t>
  </si>
  <si>
    <t>早煮えうどん</t>
  </si>
  <si>
    <t>浮羽素麺</t>
  </si>
  <si>
    <t>サプライ</t>
  </si>
  <si>
    <t>ｻﾌﾟﾗｲ</t>
  </si>
  <si>
    <t>浮羽冷麦</t>
  </si>
  <si>
    <t>得得盛りそば</t>
  </si>
  <si>
    <t>松代そば善屋</t>
  </si>
  <si>
    <t>ﾏﾂﾀﾞｲｿﾊﾞﾖｼ</t>
  </si>
  <si>
    <t>浮羽うどん</t>
  </si>
  <si>
    <t>お湯だけマッシュポテトプレーン</t>
  </si>
  <si>
    <t>カルビーポテト</t>
  </si>
  <si>
    <t>ｶﾙﾋﾞｰ</t>
  </si>
  <si>
    <t>コーンスターチ</t>
  </si>
  <si>
    <t>特製いか天入り天かす天華</t>
  </si>
  <si>
    <t>天かす</t>
  </si>
  <si>
    <t>オタフク乾燥紅しょうが</t>
  </si>
  <si>
    <t>お好みフーズ</t>
  </si>
  <si>
    <t>ｵｺﾉﾐﾌｰｽﾞ</t>
  </si>
  <si>
    <t>お好み焼き用ふりかけ</t>
  </si>
  <si>
    <t>から揚げ粉</t>
  </si>
  <si>
    <t>から揚げ粉お肉がソフトになるタイプ</t>
  </si>
  <si>
    <t>たつ田揚げ粉まぶしタイプ</t>
  </si>
  <si>
    <t>伝説のから揚げ粉濃旨しょうゆ味</t>
  </si>
  <si>
    <t>伝説のから揚げ粉コク深にんにく味</t>
  </si>
  <si>
    <t>むねチキから揚げ粉</t>
  </si>
  <si>
    <t>から揚げ作り</t>
  </si>
  <si>
    <t>128g</t>
  </si>
  <si>
    <t>天ぷら粉</t>
  </si>
  <si>
    <t>理研農産化工</t>
  </si>
  <si>
    <t>コツのいらない天ぷら粉</t>
  </si>
  <si>
    <t>はなさくり天ぷら粉</t>
  </si>
  <si>
    <t>もう揚げない焼き天ぷらの素</t>
  </si>
  <si>
    <t>昭和産業</t>
  </si>
  <si>
    <t>ｼｮｳﾜｻﾝｷﾞｮｳ</t>
  </si>
  <si>
    <t>日清げんき屋監修とり天粉</t>
  </si>
  <si>
    <t>お好み焼き粉</t>
  </si>
  <si>
    <t>たこ焼き粉</t>
  </si>
  <si>
    <t>お好み焼粉</t>
  </si>
  <si>
    <t>たこ焼粉</t>
  </si>
  <si>
    <t>ソフトパン粉細目</t>
  </si>
  <si>
    <t>スターフーズ</t>
  </si>
  <si>
    <t>ｽﾀｰﾌｰｽﾞ</t>
  </si>
  <si>
    <t>チヂミの粉</t>
  </si>
  <si>
    <t>510g</t>
  </si>
  <si>
    <t>お好み焼こだわりセット4人前</t>
  </si>
  <si>
    <t>たこ焼こだわりセット4人前</t>
  </si>
  <si>
    <t>171g</t>
  </si>
  <si>
    <t>パン粉</t>
  </si>
  <si>
    <t>焙焼式ソフトパン粉</t>
  </si>
  <si>
    <t>強力粉</t>
  </si>
  <si>
    <t>クッキングフラワー詰替</t>
  </si>
  <si>
    <t>クッキングフラワー</t>
  </si>
  <si>
    <t>薄力粉</t>
  </si>
  <si>
    <t>フラワーチャック付</t>
  </si>
  <si>
    <t>カメリアチャック付</t>
  </si>
  <si>
    <t>中力粉</t>
  </si>
  <si>
    <t>袋麺</t>
  </si>
  <si>
    <t>トレーワンタン旨味しょうゆ</t>
  </si>
  <si>
    <t>カップ麺</t>
  </si>
  <si>
    <t>ワンタン鶏だし旨味しお味</t>
  </si>
  <si>
    <t>お椀カップヌードル</t>
  </si>
  <si>
    <t>日清食品</t>
  </si>
  <si>
    <t>ﾆｯｼﾝｼｮｸﾋﾝ</t>
  </si>
  <si>
    <t>お椀で食べるどん兵衛</t>
  </si>
  <si>
    <t>辛ラーメン3食</t>
  </si>
  <si>
    <t>農心ジャパン</t>
  </si>
  <si>
    <t>ﾉｳｼﾝｼﾞｬﾊﾟﾝ</t>
  </si>
  <si>
    <t>辛ラーメンキムチ3食</t>
  </si>
  <si>
    <t>辛ラーメン</t>
  </si>
  <si>
    <t>うまかっちゃん</t>
  </si>
  <si>
    <t>94g</t>
  </si>
  <si>
    <t>サッポロ一番みそラーメン</t>
  </si>
  <si>
    <t>サンヨー食品</t>
  </si>
  <si>
    <t>ｻﾝﾖｰｼｮｸﾋﾝ</t>
  </si>
  <si>
    <t>サッポロ一番しおラーメン</t>
  </si>
  <si>
    <t>日清のラーメン屋さん旭川しょうゆ5食</t>
  </si>
  <si>
    <t>445g</t>
  </si>
  <si>
    <t>日清のラーメン屋さん札幌みそ5食</t>
  </si>
  <si>
    <t>440g</t>
  </si>
  <si>
    <t>日清のラーメン屋さん函館しお5食</t>
  </si>
  <si>
    <t>435g</t>
  </si>
  <si>
    <t>正麺醤油5食</t>
  </si>
  <si>
    <t>105gX5P</t>
  </si>
  <si>
    <t>正麺豚骨味5食</t>
  </si>
  <si>
    <t>89gX5P</t>
  </si>
  <si>
    <t>正麺味噌5食</t>
  </si>
  <si>
    <t>108gX5P</t>
  </si>
  <si>
    <t>正麺旨塩5食</t>
  </si>
  <si>
    <t>112gX5P</t>
  </si>
  <si>
    <t>サッポロ一番塩ラーメン</t>
  </si>
  <si>
    <t>屋台ラーメンとんこつ味</t>
  </si>
  <si>
    <t>99g×5</t>
  </si>
  <si>
    <t>94g×5P</t>
  </si>
  <si>
    <t>うまかっちゃん辛子高菜</t>
  </si>
  <si>
    <t>93g×5P</t>
  </si>
  <si>
    <t>うまかっちゃん濃厚新味5個パック</t>
  </si>
  <si>
    <t>84g×5P</t>
  </si>
  <si>
    <t>日清ラ王醤油3食パック</t>
  </si>
  <si>
    <t>303g</t>
  </si>
  <si>
    <t>日清ラ王ちゃんぽん3食パック</t>
  </si>
  <si>
    <t>273g</t>
  </si>
  <si>
    <t>日清ラ王味噌3食パック</t>
  </si>
  <si>
    <t>カレーうどん甘口5食</t>
  </si>
  <si>
    <t>101gX5P</t>
  </si>
  <si>
    <t>日清焼そば</t>
  </si>
  <si>
    <t>100g×5P</t>
  </si>
  <si>
    <t>鉄板焼きそば</t>
  </si>
  <si>
    <t>5食入</t>
  </si>
  <si>
    <t>明星食品</t>
  </si>
  <si>
    <t>ﾐｮｳｼﾞｮｳｼｮｸ</t>
  </si>
  <si>
    <t>チャルメラ宮崎辛麺</t>
  </si>
  <si>
    <t>ﾐｮｳｼﾞｮｳ</t>
  </si>
  <si>
    <t>チャルメラバリカタ麺豚骨</t>
  </si>
  <si>
    <t>チャルメラ醤油ラーメン</t>
  </si>
  <si>
    <t>チキンラーメン</t>
  </si>
  <si>
    <t>85g×5P</t>
  </si>
  <si>
    <t>出前一丁</t>
  </si>
  <si>
    <t>101g×5P</t>
  </si>
  <si>
    <t>醤油ラーメン5食</t>
  </si>
  <si>
    <t>寿がきや食品</t>
  </si>
  <si>
    <t>ｽｶﾞｷﾔｼｮｸﾋﾝ</t>
  </si>
  <si>
    <t>塩ラーメン5食西</t>
  </si>
  <si>
    <t>ソース焼きそば5食</t>
  </si>
  <si>
    <t>豚骨ラーメン5食</t>
  </si>
  <si>
    <t>味噌ラーメン5食西</t>
  </si>
  <si>
    <t>凄麺仙台辛味噌ラーメン</t>
  </si>
  <si>
    <t>152g</t>
  </si>
  <si>
    <t>ヤマダイ</t>
  </si>
  <si>
    <t>ﾔﾏﾀﾞｲ</t>
  </si>
  <si>
    <t>九州GO_SM_3尺6本1800</t>
  </si>
  <si>
    <t>天下一品京都濃厚鶏白湯</t>
  </si>
  <si>
    <t>大砲ラーメン</t>
  </si>
  <si>
    <t>正麺芳醇こく醤油</t>
  </si>
  <si>
    <t>119g</t>
  </si>
  <si>
    <t>赤いまめきつねうどん</t>
  </si>
  <si>
    <t>緑のまめたぬきそば</t>
  </si>
  <si>
    <t>まめごぼ天うどん</t>
  </si>
  <si>
    <t>ワンタン醤油</t>
  </si>
  <si>
    <t>どん兵衛きつねうどんミニ</t>
  </si>
  <si>
    <t>どん兵衛天そばミニ</t>
  </si>
  <si>
    <t>どん兵衛肉うどんミニ</t>
  </si>
  <si>
    <t>山樹氷</t>
  </si>
  <si>
    <t>どん兵衛温つゆおそうめん</t>
  </si>
  <si>
    <t>カップヌードルミニ</t>
  </si>
  <si>
    <t>シーフードヌードルミニ</t>
  </si>
  <si>
    <t>カレーヌードルカレーミニ</t>
  </si>
  <si>
    <t>ポケモンヌードルしょうゆ味</t>
  </si>
  <si>
    <t>ポケモンヌードルシーフード味</t>
  </si>
  <si>
    <t>サッポロ一番みそラーメンミニどんぶり</t>
  </si>
  <si>
    <t>サッポロ一番塩らーめんミニどんぶり</t>
  </si>
  <si>
    <t>チキンラーメンミニ</t>
  </si>
  <si>
    <t>焼そばプチUFO</t>
  </si>
  <si>
    <t>ワンタン醤油4P</t>
  </si>
  <si>
    <t>32gX4P</t>
  </si>
  <si>
    <t>まめバラエティパック4P</t>
  </si>
  <si>
    <t>ミニーズ</t>
  </si>
  <si>
    <t>明星庵きつねうどん大盛</t>
  </si>
  <si>
    <t>明星庵天ぷらそば大盛</t>
  </si>
  <si>
    <t>麺之助きつねうどん</t>
  </si>
  <si>
    <t>76g</t>
  </si>
  <si>
    <t>麺之助小えび天そば</t>
  </si>
  <si>
    <t>麺之助すき焼き風うどん</t>
  </si>
  <si>
    <t>黒い豚カレーうどん</t>
  </si>
  <si>
    <t>87g</t>
  </si>
  <si>
    <t>白いちからもちうどん</t>
  </si>
  <si>
    <t>109g</t>
  </si>
  <si>
    <t>バリうまごぼ天うどん</t>
  </si>
  <si>
    <t>89g</t>
  </si>
  <si>
    <t>赤いきつねうどん西</t>
  </si>
  <si>
    <t>緑のたぬき天そば西</t>
  </si>
  <si>
    <t>101g</t>
  </si>
  <si>
    <t>日清のどん兵衛鴨だしそば</t>
  </si>
  <si>
    <t>どん兵衛きつねうどん</t>
  </si>
  <si>
    <t>どん兵衛天そば</t>
  </si>
  <si>
    <t>どん兵衛肉うどん</t>
  </si>
  <si>
    <t>きつねうどん</t>
  </si>
  <si>
    <t>麺のスナオシ</t>
  </si>
  <si>
    <t>ｽﾅｵｼ</t>
  </si>
  <si>
    <t>天ぷらそば</t>
  </si>
  <si>
    <t>カレー南蛮うどん</t>
  </si>
  <si>
    <t>83g</t>
  </si>
  <si>
    <t>味よか隊とんこつラーメン熊本</t>
  </si>
  <si>
    <t>味よか隊とんこつラーメン鹿児島</t>
  </si>
  <si>
    <t>チキンラーメンどんぶり</t>
  </si>
  <si>
    <t>日清デカうま濃厚コク旨醤油</t>
  </si>
  <si>
    <t>日清デカうま豚キムチ</t>
  </si>
  <si>
    <t>スーパーカップ1.5倍みそラーメン</t>
  </si>
  <si>
    <t>129g</t>
  </si>
  <si>
    <t>スーパーカップ1.5倍しょうゆラーメン</t>
  </si>
  <si>
    <t>スーパーカップ1.5倍とんこつラーメン</t>
  </si>
  <si>
    <t>111g</t>
  </si>
  <si>
    <t>スーパーカップ新豚キムチラーメン</t>
  </si>
  <si>
    <t>107g</t>
  </si>
  <si>
    <t>ごつ盛り塩担々麺</t>
  </si>
  <si>
    <t>ごつ盛りちゃんぽん</t>
  </si>
  <si>
    <t>113g</t>
  </si>
  <si>
    <t>ごつ盛りコーンコーン味噌ラーメン</t>
  </si>
  <si>
    <t>ごつ盛り豚骨醤油ラーメン</t>
  </si>
  <si>
    <t>122g</t>
  </si>
  <si>
    <t>ごつ盛りワンタン醤油</t>
  </si>
  <si>
    <t>117g</t>
  </si>
  <si>
    <t>ごつ盛りコク豚骨</t>
  </si>
  <si>
    <t>日清麺職人醤油</t>
  </si>
  <si>
    <t>日清麺職人濃いだし煮干し醤油</t>
  </si>
  <si>
    <t>日清麺職人担々麺</t>
  </si>
  <si>
    <t>麺づくり鶏ガラ醤油</t>
  </si>
  <si>
    <t>麺づくり旨コク豚骨</t>
  </si>
  <si>
    <t>麺づくり担担麺</t>
  </si>
  <si>
    <t>長崎ちゃんぽん</t>
  </si>
  <si>
    <t>93g</t>
  </si>
  <si>
    <t>九州産高菜ラーメンとんこつ味</t>
  </si>
  <si>
    <t>焼豚ラーメン</t>
  </si>
  <si>
    <t>ｻﾝﾎﾟｰｼｮｸﾋﾝ</t>
  </si>
  <si>
    <t>九州三宝堂久留米ラーメン</t>
  </si>
  <si>
    <t>麺s味工房塩ラーメン</t>
  </si>
  <si>
    <t>ソース焼きそば</t>
  </si>
  <si>
    <t>麺s味工房醤油ラーメン</t>
  </si>
  <si>
    <t>麺s味工房味噌ラーメン</t>
  </si>
  <si>
    <t>麺s味工房豚骨ラーメン</t>
  </si>
  <si>
    <t>麺s味工房長崎ちゃんぽん</t>
  </si>
  <si>
    <t>カップヌードルBIG</t>
  </si>
  <si>
    <t>99g</t>
  </si>
  <si>
    <t>シーフードヌードルBIG</t>
  </si>
  <si>
    <t>カレーヌードルBIG</t>
  </si>
  <si>
    <t>118g</t>
  </si>
  <si>
    <t>カップヌードルチリトマト</t>
  </si>
  <si>
    <t>カップヌードルトムヤムクン</t>
  </si>
  <si>
    <t>辛ラーメンキムチカップ</t>
  </si>
  <si>
    <t>68g</t>
  </si>
  <si>
    <t>辛ラーメンカップ</t>
  </si>
  <si>
    <t>カップヌードル</t>
  </si>
  <si>
    <t>カップヌードルシーフード</t>
  </si>
  <si>
    <t>カップヌードルカレー</t>
  </si>
  <si>
    <t>カップスター醤油</t>
  </si>
  <si>
    <t>71g</t>
  </si>
  <si>
    <t>カップスター味噌</t>
  </si>
  <si>
    <t>78g</t>
  </si>
  <si>
    <t>カップスター旨塩</t>
  </si>
  <si>
    <t>タテ型飲み干す一杯担担麺</t>
  </si>
  <si>
    <t>飲み干す一杯味噌バター味ラーメン</t>
  </si>
  <si>
    <t>67g</t>
  </si>
  <si>
    <t>ご当地の一杯博多背脂とんこつラーメン</t>
  </si>
  <si>
    <t>ご当地の一杯京都背脂醤油ラーメン</t>
  </si>
  <si>
    <t>62g</t>
  </si>
  <si>
    <t>あっさりおいしいカップヌードル</t>
  </si>
  <si>
    <t>あっさりおいしいカップヌードルシーフード</t>
  </si>
  <si>
    <t>あっさりおいしいカップヌードルカレー</t>
  </si>
  <si>
    <t>焼そばUFO大盛り</t>
  </si>
  <si>
    <t>167g</t>
  </si>
  <si>
    <t>ペヤングソースやきそば超大盛</t>
  </si>
  <si>
    <t>237g</t>
  </si>
  <si>
    <t>まるか食品</t>
  </si>
  <si>
    <t>ﾏﾙｶｼｮｸﾋﾝ</t>
  </si>
  <si>
    <t>焼そばUFO</t>
  </si>
  <si>
    <t>ペヤングソース焼きそば</t>
  </si>
  <si>
    <t>一平ちゃん夜店の焼そば</t>
  </si>
  <si>
    <t>評判屋ソース焼きそば</t>
  </si>
  <si>
    <t>サツポロ一番オタフクお好みソース味焼きそば</t>
  </si>
  <si>
    <t>123g</t>
  </si>
  <si>
    <t>塩カルビ焼そば</t>
  </si>
  <si>
    <t>日清デカうまWマヨソース焼そば</t>
  </si>
  <si>
    <t>153g</t>
  </si>
  <si>
    <t>デカうま油そば</t>
  </si>
  <si>
    <t>157g</t>
  </si>
  <si>
    <t>ごつ盛りソース焼そば</t>
  </si>
  <si>
    <t>ごつ盛り塩焼そば</t>
  </si>
  <si>
    <t>スリムアップシュガー</t>
  </si>
  <si>
    <t>コーヒー・紅茶</t>
  </si>
  <si>
    <t>九州GO_SM_3尺3本1800_田村</t>
  </si>
  <si>
    <t>カップシュガースリー</t>
  </si>
  <si>
    <t>3g×30P</t>
  </si>
  <si>
    <t>ガムシロップ</t>
  </si>
  <si>
    <t>7g×20</t>
  </si>
  <si>
    <t>六甲牛乳</t>
  </si>
  <si>
    <t>ﾒﾛﾃﾞｨｱﾝ</t>
  </si>
  <si>
    <t>マリーム袋</t>
  </si>
  <si>
    <t>味の素AGF</t>
  </si>
  <si>
    <t>ｱｼﾞﾉﾓﾄAGF</t>
  </si>
  <si>
    <t>ブライト袋</t>
  </si>
  <si>
    <t>ネスレ日本</t>
  </si>
  <si>
    <t>ﾈｽﾚ</t>
  </si>
  <si>
    <t>クリーミーカフェ18p</t>
  </si>
  <si>
    <t>4.5ML18</t>
  </si>
  <si>
    <t>メロディアン</t>
  </si>
  <si>
    <t>コーヒーフィルター無漂白2~4人用</t>
  </si>
  <si>
    <t>120枚入</t>
  </si>
  <si>
    <t>ユーシーシー上島珈琲</t>
  </si>
  <si>
    <t>ﾕｰｼｰｼｰｳｴｼﾏ</t>
  </si>
  <si>
    <t>ゴールドスペシャル炒り豆スペシャルブレンド</t>
  </si>
  <si>
    <t>ﾕｰｼｰｼｰ</t>
  </si>
  <si>
    <t>ゴールドスペシャル炒り豆リッチブレンド</t>
  </si>
  <si>
    <t>DOORS+スペシャルブレンドVP</t>
  </si>
  <si>
    <t>キーコーヒー</t>
  </si>
  <si>
    <t>ｷ-ｺ-ﾋ-</t>
  </si>
  <si>
    <t>DOORS+モカブレンドVP</t>
  </si>
  <si>
    <t>有機珈琲オリジナルブレンド粉</t>
  </si>
  <si>
    <t>小川珈琲</t>
  </si>
  <si>
    <t>ｵｶﾞﾜｺｰﾋｰ</t>
  </si>
  <si>
    <t>有機珈琲フェアトレードモカブレンド粉</t>
  </si>
  <si>
    <t>1杯30円アロマ16スペシャルブレンド</t>
  </si>
  <si>
    <t>16P</t>
  </si>
  <si>
    <t>ｸﾆﾀﾛｳ</t>
  </si>
  <si>
    <t>1杯30円アロマ16モカブレンド</t>
  </si>
  <si>
    <t>おいしいカフェインレスコーヒードリップ</t>
  </si>
  <si>
    <t>プレミアムブレンドドリップコーヒー</t>
  </si>
  <si>
    <t>ドリップオンバラエティパック</t>
  </si>
  <si>
    <t>8g×12P</t>
  </si>
  <si>
    <t>DOORS+ドリップオンスペシャルブレンド</t>
  </si>
  <si>
    <t>8g×10P</t>
  </si>
  <si>
    <t>DOORS+ドリップオンモカブレンド</t>
  </si>
  <si>
    <t>モンカフェプレミアムブレンド</t>
  </si>
  <si>
    <t>片岡物産</t>
  </si>
  <si>
    <t>ｶﾀｵｶﾌﾞｯｻﾝ</t>
  </si>
  <si>
    <t>職人の珈琲ドリップ深いコクのスペシャルブレンド</t>
  </si>
  <si>
    <t>職人の珈琲ドリップあまい香りのリッチブレンド</t>
  </si>
  <si>
    <t>職人の珈琲ドリップまろやか味のマイルドブレンド</t>
  </si>
  <si>
    <t>ちょっと贅沢な珈琲店プレミアムドリップ香り澄みわたるスペシャル</t>
  </si>
  <si>
    <t>8gx14P</t>
  </si>
  <si>
    <t>贅沢RCプレミアムドリップ香り華やぐモカブレンド</t>
  </si>
  <si>
    <t>8g×14P</t>
  </si>
  <si>
    <t>ちょっと贅沢な珈琲店レギュラーコーヒープレミアムドリップ九州まろ</t>
  </si>
  <si>
    <t>14P</t>
  </si>
  <si>
    <t>ちょっと贅沢な珈琲店レギュラーコーヒー薫る深煎りキリマンジャロ</t>
  </si>
  <si>
    <t>DBグランドテイストコク深リッチブレンド</t>
  </si>
  <si>
    <t>15P</t>
  </si>
  <si>
    <t>ＤＢグランドテイスト甘い香りのモカブレンド</t>
  </si>
  <si>
    <t>DBグランドテイストやさしい余韻のマイルドブレンド</t>
  </si>
  <si>
    <t>15個</t>
  </si>
  <si>
    <t>贅沢RCスペシャル･ブレンド</t>
  </si>
  <si>
    <t>贅沢RCモカ･ブレンド</t>
  </si>
  <si>
    <t>贅沢RCキリマンジャロ･ブレンド</t>
  </si>
  <si>
    <t>贅沢RC九州まろやかブレンド</t>
  </si>
  <si>
    <t>GTアイスコーヒーFP</t>
  </si>
  <si>
    <t>香味まろやか水出し珈琲</t>
  </si>
  <si>
    <t>FPグランドテイストコク深いリッチブレンド</t>
  </si>
  <si>
    <t>FPグランドテイスト甘い香りのモカブレンド</t>
  </si>
  <si>
    <t>FPグランドテイストやさしい余韻のマイルドブレンド</t>
  </si>
  <si>
    <t>職人の珈琲まろやか味のマイルドブレンド</t>
  </si>
  <si>
    <t>280g</t>
  </si>
  <si>
    <t>職人の珈琲あまい香りのリッチブレンド</t>
  </si>
  <si>
    <t>職人の珈琲深いコクのスペシャルブレンド</t>
  </si>
  <si>
    <t>レギュラーコーヒースペシャルブレンド</t>
  </si>
  <si>
    <t>藤田珈琲</t>
  </si>
  <si>
    <t>ﾌｼﾞﾀ</t>
  </si>
  <si>
    <t>レギュラーコーヒーモカブレンド</t>
  </si>
  <si>
    <t>レギュラーコーヒーリッチブレンド</t>
  </si>
  <si>
    <t>スターバックスプレミアムミックスカフェラテ</t>
  </si>
  <si>
    <t>スターバックスプレミアムミックスカフェモカ</t>
  </si>
  <si>
    <t>4本</t>
  </si>
  <si>
    <t>スターバックスプレミアムミックス抹茶ラテ</t>
  </si>
  <si>
    <t>匠のカフェオレ濃厚ミルク</t>
  </si>
  <si>
    <t>84g</t>
  </si>
  <si>
    <t>匠のカフェオレ芳醇ビター</t>
  </si>
  <si>
    <t>素材が香るカフェラテ</t>
  </si>
  <si>
    <t>14gx6</t>
  </si>
  <si>
    <t>ドトールコーヒー</t>
  </si>
  <si>
    <t>ﾄﾞﾄｰﾙｺｰﾋｰ</t>
  </si>
  <si>
    <t>素材が香るハニーカフェラテ</t>
  </si>
  <si>
    <t>14gX6</t>
  </si>
  <si>
    <t>素材が香る黒糖カフェラテ</t>
  </si>
  <si>
    <t>15.5gX6</t>
  </si>
  <si>
    <t>素材が香るきなこ豆乳ラテ</t>
  </si>
  <si>
    <t>15gX6</t>
  </si>
  <si>
    <t>ブレンディコーヒーテンラトリー濃厚ミルクカフェラテ</t>
  </si>
  <si>
    <t>8p</t>
  </si>
  <si>
    <t>ブレンディコーヒーテンラトリー濃厚ビターカフェラテ</t>
  </si>
  <si>
    <t>ブレンディｺｰﾋｰﾃﾝラトリースティッククリーミーラテデｺｰﾋｰ</t>
  </si>
  <si>
    <t>6p</t>
  </si>
  <si>
    <t>ブレンディコーヒーテンラトリー濃厚ミルクカフェラテ甘さなし</t>
  </si>
  <si>
    <t>ブレンディカフェラトリー濃厚キャラメルマキアート</t>
  </si>
  <si>
    <t>7p</t>
  </si>
  <si>
    <t>ブレンディカフェラトリースティック濃厚ヘーゼルナッツラテ</t>
  </si>
  <si>
    <t>カフェラトリースティックピスタチオ</t>
  </si>
  <si>
    <t>6本</t>
  </si>
  <si>
    <t>カフェラトリーSTK濃厚ストロベリーホワイトショコララテ</t>
  </si>
  <si>
    <t>カフェラトリースティックメルティショコラ</t>
  </si>
  <si>
    <t>ブレンディｺｰﾋｰﾃﾝラトリースティックカプチーノ</t>
  </si>
  <si>
    <t>ブレンディスティックカフェオレ</t>
  </si>
  <si>
    <t>8本入</t>
  </si>
  <si>
    <t>ブレンディスティックカロリーハーフ</t>
  </si>
  <si>
    <t>ブレンディスティック甘さなし</t>
  </si>
  <si>
    <t>ブレンディスティックとろけるミルクカフェオレ</t>
  </si>
  <si>
    <t>ブレンディスティック大人のほろにが</t>
  </si>
  <si>
    <t>ブレンディスティックキャラメルカフェオレ</t>
  </si>
  <si>
    <t>ブレンディスティックエスプレッソオレ微糖</t>
  </si>
  <si>
    <t>ブレンディスティックココアオレ</t>
  </si>
  <si>
    <t>6本入</t>
  </si>
  <si>
    <t>ブレンディスティック抹茶オレ</t>
  </si>
  <si>
    <t>ブレンディスティック紅茶オレ</t>
  </si>
  <si>
    <t>ブレンディスティックチャイティーオレ</t>
  </si>
  <si>
    <t>ブレンディスティックルイボスティーオレ</t>
  </si>
  <si>
    <t>24本</t>
  </si>
  <si>
    <t>18本</t>
  </si>
  <si>
    <t>ブレンディスティックカフェオレカロリーハーフ</t>
  </si>
  <si>
    <t>ブレンディスティックカフェオレ大人のほろにが</t>
  </si>
  <si>
    <t>ネスカフェゴールドブレンドコク深めスティックコーヒー</t>
  </si>
  <si>
    <t>22本入</t>
  </si>
  <si>
    <t>ネスカフェゴールドブレンド香り華やぐスティックコーヒー</t>
  </si>
  <si>
    <t>ネスカフェエクセラスティックコーヒー</t>
  </si>
  <si>
    <t>28p</t>
  </si>
  <si>
    <t>ﾈｽｶﾌｪ</t>
  </si>
  <si>
    <t>香るまろやかミルクティー</t>
  </si>
  <si>
    <t>26P</t>
  </si>
  <si>
    <t>香るまろやかミルクココア</t>
  </si>
  <si>
    <t>169.4g</t>
  </si>
  <si>
    <t>ふわラテほっこりカフェインレス</t>
  </si>
  <si>
    <t>香るまろやか抹茶ラテ</t>
  </si>
  <si>
    <t>エクセラふわラテ</t>
  </si>
  <si>
    <t>エクセラふわラテハーフ＆ハーフ</t>
  </si>
  <si>
    <t>エクセラふわラテまったり深い味</t>
  </si>
  <si>
    <t>エクセラふわラテまろやかミルク</t>
  </si>
  <si>
    <t>デイリークラブティーバッグ</t>
  </si>
  <si>
    <t>三井農林</t>
  </si>
  <si>
    <t>ﾐﾂｲﾉｳﾘﾝ</t>
  </si>
  <si>
    <t>イエローラベル</t>
  </si>
  <si>
    <t>ユニリーバ・ジャパン</t>
  </si>
  <si>
    <t>ﾕﾆﾘｰﾊﾞ</t>
  </si>
  <si>
    <t>25P</t>
  </si>
  <si>
    <t>カフェインレスティー</t>
  </si>
  <si>
    <t>アールグレイ</t>
  </si>
  <si>
    <t>トワイニングベスト5</t>
  </si>
  <si>
    <t>ポンパドールジンジャー＆レモンハーブティーティーバッグ</t>
  </si>
  <si>
    <t>ﾆﾎﾝﾘｮｸﾁｬC</t>
  </si>
  <si>
    <t>ポンパドールカモミールフラワーティーバッグ</t>
  </si>
  <si>
    <t>1.5g×10P</t>
  </si>
  <si>
    <t>はちみつ紅茶ティーバッグ</t>
  </si>
  <si>
    <t>ビッグメイク</t>
  </si>
  <si>
    <t>ﾋﾞｯｸﾞﾒｲｸ</t>
  </si>
  <si>
    <t>ロイヤルミルクティー</t>
  </si>
  <si>
    <t>8本</t>
  </si>
  <si>
    <t>スティックメイトしょうが湯アソート</t>
  </si>
  <si>
    <t>20本</t>
  </si>
  <si>
    <t>名糖産業</t>
  </si>
  <si>
    <t>ﾒｲﾄｳｻﾝｷﾞｮｳ</t>
  </si>
  <si>
    <t>C＆レモン</t>
  </si>
  <si>
    <t>いつでもうるおいローズヒップ</t>
  </si>
  <si>
    <t>11gx8</t>
  </si>
  <si>
    <t>アールグレイ紅茶三角ティーバッグ</t>
  </si>
  <si>
    <t>ティーバッグ</t>
  </si>
  <si>
    <t>50P</t>
  </si>
  <si>
    <t>ピュア＆シンプルティー</t>
  </si>
  <si>
    <t>100P</t>
  </si>
  <si>
    <t>辻利抹茶ミルク</t>
  </si>
  <si>
    <t>レモンティー</t>
  </si>
  <si>
    <t>アップルティー</t>
  </si>
  <si>
    <t>レモネードC</t>
  </si>
  <si>
    <t>ミルクココア</t>
  </si>
  <si>
    <t>森永製菓</t>
  </si>
  <si>
    <t>ﾓﾘﾅｶﾞｾｲｶ</t>
  </si>
  <si>
    <t>バンホーテンミルクココア</t>
  </si>
  <si>
    <t>ﾊﾞﾝﾎ-ﾃﾝ</t>
  </si>
  <si>
    <t>純ココア</t>
  </si>
  <si>
    <t>ブレンディ袋</t>
  </si>
  <si>
    <t>ブレンディまろやかな香りブレンド袋</t>
  </si>
  <si>
    <t>ブレンディ毎日の腸活コーヒー袋</t>
  </si>
  <si>
    <t>マキシム瓶</t>
  </si>
  <si>
    <t>マキシム袋</t>
  </si>
  <si>
    <t>ネスカフェエクセラつめかえ用袋</t>
  </si>
  <si>
    <t>95g</t>
  </si>
  <si>
    <t>エクセラスティックブラック</t>
  </si>
  <si>
    <t>ネスカフェゴールドブレンドスティックブラック</t>
  </si>
  <si>
    <t>ネスカフェNGBコク深めスティックブラック</t>
  </si>
  <si>
    <t>ゴールドブレンド香り華やぐスティック</t>
  </si>
  <si>
    <t>22P</t>
  </si>
  <si>
    <t>ゴールドブレンドスティックブラック</t>
  </si>
  <si>
    <t>スターバックスカフェモーメント</t>
  </si>
  <si>
    <t>ちょっと贅沢な珈琲店産地アソート</t>
  </si>
  <si>
    <t>カップコーヒー</t>
  </si>
  <si>
    <t>ゴールドブレンドエコ＆システムパック</t>
  </si>
  <si>
    <t>ゴールドブレンド香り華やぐエコ＆システムパック</t>
  </si>
  <si>
    <t>ゴールドブレンドコク深めエコ＆システムパック</t>
  </si>
  <si>
    <t>ゴールドブレンドカフェインレスエコ＆システム</t>
  </si>
  <si>
    <t>スターバックスカフェモーメントブライト</t>
  </si>
  <si>
    <t>ｽﾀ-ﾊﾞﾂｸｽ</t>
  </si>
  <si>
    <t>スターバックスカフェモーメントスムース</t>
  </si>
  <si>
    <t>ゴールドブレンドカフェインレス</t>
  </si>
  <si>
    <t>ゴールドブレンドコク深め</t>
  </si>
  <si>
    <t>ゴールドブレンド</t>
  </si>
  <si>
    <t>ネスカフェエクセラ</t>
  </si>
  <si>
    <t>ネスレクラシックブレンド</t>
  </si>
  <si>
    <t>ウェスティンカフェマイルドブレンド瓶</t>
  </si>
  <si>
    <t>ユニコジャパン</t>
  </si>
  <si>
    <t>ﾕﾆｺｼﾞｬﾊﾟﾝ</t>
  </si>
  <si>
    <t>茶</t>
  </si>
  <si>
    <t>たべたろうこぶ茶</t>
  </si>
  <si>
    <t>54g</t>
  </si>
  <si>
    <t>たべたろう梅こぶ茶</t>
  </si>
  <si>
    <t>伊右衛門緑茶</t>
  </si>
  <si>
    <t>宇治の露製茶</t>
  </si>
  <si>
    <t>ｳｼﾞﾉﾂﾕｾｲﾁｬ</t>
  </si>
  <si>
    <t>さらさら緑茶</t>
  </si>
  <si>
    <t>伊藤園</t>
  </si>
  <si>
    <t>ｲﾄｳｴﾝ</t>
  </si>
  <si>
    <t>おーいお茶エコティーバッグ緑茶</t>
  </si>
  <si>
    <t>1.8g×20</t>
  </si>
  <si>
    <t>おーいお茶エコティーバッグ玄米茶</t>
  </si>
  <si>
    <t>1.9g×20</t>
  </si>
  <si>
    <t>伊右衛門煎茶</t>
  </si>
  <si>
    <t>伊右衛門玄米</t>
  </si>
  <si>
    <t>JAかごしま茶業知覧茶ティーパック</t>
  </si>
  <si>
    <t>2g×20P</t>
  </si>
  <si>
    <t>ジェイエイかごしま茶業</t>
  </si>
  <si>
    <t>JAｶｺﾞｼﾏ</t>
  </si>
  <si>
    <t>お茶生活抹茶入り緑茶ティーバッグ</t>
  </si>
  <si>
    <t>30P</t>
  </si>
  <si>
    <t>お茶の丸幸</t>
  </si>
  <si>
    <t>ｵﾁｬﾉﾏﾙｺｳ</t>
  </si>
  <si>
    <t>お茶生活抹茶入り玄米茶ティーバッグ</t>
  </si>
  <si>
    <t>お茶生活ほうじ茶ティーバッグ</t>
  </si>
  <si>
    <t>ﾏﾙｺｳ</t>
  </si>
  <si>
    <t>マイボトル用緑茶ティーバッグ</t>
  </si>
  <si>
    <t>2.7gx30P</t>
  </si>
  <si>
    <t>野村産業</t>
  </si>
  <si>
    <t>ﾉﾑﾗｻﾝｷﾞｮｳ</t>
  </si>
  <si>
    <t>マイボトル用ほうじ茶ティーバッグ</t>
  </si>
  <si>
    <t>ワンポット緑茶</t>
  </si>
  <si>
    <t>34P</t>
  </si>
  <si>
    <t>ワンポットほうじ茶エコティーバック</t>
  </si>
  <si>
    <t>3.5g×50P</t>
  </si>
  <si>
    <t>おいお茶抹茶入り緑茶</t>
  </si>
  <si>
    <t>緑香旬の香り</t>
  </si>
  <si>
    <t>産地直送八女茶</t>
  </si>
  <si>
    <t>香りま専科玄米茶</t>
  </si>
  <si>
    <t>伊右衛門抹茶入玄米茶</t>
  </si>
  <si>
    <t>抹茶入り玄米茶</t>
  </si>
  <si>
    <t>トライアル煎茶</t>
  </si>
  <si>
    <t>神乃舞</t>
  </si>
  <si>
    <t>鹿島園本舗</t>
  </si>
  <si>
    <t>ｶｼﾏｴﾝﾎﾝﾎﾟ</t>
  </si>
  <si>
    <t>韓美茶コーン茶</t>
  </si>
  <si>
    <t>国産黒豆麦茶</t>
  </si>
  <si>
    <t>40P</t>
  </si>
  <si>
    <t>小谷穀粉</t>
  </si>
  <si>
    <t>ｵﾀﾞﾆｺｸﾌﾝ</t>
  </si>
  <si>
    <t>新福建茶房烏龍茶</t>
  </si>
  <si>
    <t>52袋入</t>
  </si>
  <si>
    <t>黒烏龍茶</t>
  </si>
  <si>
    <t>三栄興産</t>
  </si>
  <si>
    <t>ｻﾝｴｲｺｳｻﾝ</t>
  </si>
  <si>
    <t>メガサイズルイボスティーティーバッグ</t>
  </si>
  <si>
    <t>60P</t>
  </si>
  <si>
    <t>国産麦茶ティーバッグ</t>
  </si>
  <si>
    <t>8g×52</t>
  </si>
  <si>
    <t>香り薫るむぎ茶ティーバック</t>
  </si>
  <si>
    <t>7.5g×54P</t>
  </si>
  <si>
    <t>チョコチップ</t>
  </si>
  <si>
    <t>ドリーム</t>
  </si>
  <si>
    <t>ﾄﾞﾘｰﾑ</t>
  </si>
  <si>
    <t>アーモンドダイスカット</t>
  </si>
  <si>
    <t>アーモンドプードル</t>
  </si>
  <si>
    <t>生クルミ</t>
  </si>
  <si>
    <t>ココナッツ</t>
  </si>
  <si>
    <t>ラム酒レーズン</t>
  </si>
  <si>
    <t>パウダーシュガー</t>
  </si>
  <si>
    <t>ココアパウダー</t>
  </si>
  <si>
    <t>デコペンブラウン</t>
  </si>
  <si>
    <t>デコペンピンク</t>
  </si>
  <si>
    <t>デコペンホワイト</t>
  </si>
  <si>
    <t>すみっコぐらしケーキ用プレート</t>
  </si>
  <si>
    <t>1枚</t>
  </si>
  <si>
    <t>共立食品</t>
  </si>
  <si>
    <t>ｷｮｳﾘﾂｼｮｸﾋﾝ</t>
  </si>
  <si>
    <t>トッピングアラザン</t>
  </si>
  <si>
    <t>トッピングカラーシュガー</t>
  </si>
  <si>
    <t>トッピングスターシュガー</t>
  </si>
  <si>
    <t>アイシングシュガーペン</t>
  </si>
  <si>
    <t>北海道スキムミルク</t>
  </si>
  <si>
    <t>雪印メグミルク</t>
  </si>
  <si>
    <t>ﾕｷｼﾞﾙｼ</t>
  </si>
  <si>
    <t>色素赤</t>
  </si>
  <si>
    <t>2g</t>
  </si>
  <si>
    <t>加美乃素本舗</t>
  </si>
  <si>
    <t>ｲﾉｳｴｷﾖｽｹ</t>
  </si>
  <si>
    <t>色素黄</t>
  </si>
  <si>
    <t>井上清助商店</t>
  </si>
  <si>
    <t>色素緑</t>
  </si>
  <si>
    <t>バニラエッセンス</t>
  </si>
  <si>
    <t>28ml</t>
  </si>
  <si>
    <t>ふっくらパンドライイースト分包</t>
  </si>
  <si>
    <t>3g×6P</t>
  </si>
  <si>
    <t>ふっくらパンドライイースト</t>
  </si>
  <si>
    <t>ふっくらパンベーキングパウダー</t>
  </si>
  <si>
    <t>10g×3P</t>
  </si>
  <si>
    <t>クックゼラチン</t>
  </si>
  <si>
    <t>プリンエル</t>
  </si>
  <si>
    <t>黒みつ</t>
  </si>
  <si>
    <t>ミルクチューブ入り</t>
  </si>
  <si>
    <t>森永乳業</t>
  </si>
  <si>
    <t>イーグル調整練乳缶</t>
  </si>
  <si>
    <t>385g</t>
  </si>
  <si>
    <t>ケーキシロップ</t>
  </si>
  <si>
    <t>ケーキシロップメープル</t>
  </si>
  <si>
    <t>チョコレートシロップ</t>
  </si>
  <si>
    <t>モンファボリメープルシロップ</t>
  </si>
  <si>
    <t>富永貿易</t>
  </si>
  <si>
    <t>ﾄﾐﾅｶﾞﾎﾞｳｴｷ</t>
  </si>
  <si>
    <t>ぜんざい</t>
  </si>
  <si>
    <t>栗入りぜんざい</t>
  </si>
  <si>
    <t>ぜんざい糖質オフ</t>
  </si>
  <si>
    <t>レンジで簡単ぜんざい</t>
  </si>
  <si>
    <t>甘酒</t>
  </si>
  <si>
    <t>しょうがゆ</t>
  </si>
  <si>
    <t>20g×4P</t>
  </si>
  <si>
    <t>シンセイ商事鳥土本舗</t>
  </si>
  <si>
    <t>ｼﾝｾｲｼｮｳｼﾞ</t>
  </si>
  <si>
    <t>葛湯</t>
  </si>
  <si>
    <t>フルーチェいちご</t>
  </si>
  <si>
    <t>フルーチェミックスピーチ</t>
  </si>
  <si>
    <t>ホットケーキミックス</t>
  </si>
  <si>
    <t>めちゃラククッキーミックス</t>
  </si>
  <si>
    <t>ホットケーキミックス極もち国内麦小麦粉100％使用</t>
  </si>
  <si>
    <t>480g</t>
  </si>
  <si>
    <t>ジャム・蜂蜜</t>
  </si>
  <si>
    <t>イチゴ＆バター風味クリーム</t>
  </si>
  <si>
    <t>アヲハタ</t>
  </si>
  <si>
    <t>ｱｦﾊﾀ</t>
  </si>
  <si>
    <t>九州GO_3尺1本1800_田村目尾</t>
  </si>
  <si>
    <t>チョコ＆ピーナッツ</t>
  </si>
  <si>
    <t>13gx4</t>
  </si>
  <si>
    <t>チョコホイップ</t>
  </si>
  <si>
    <t>ピーナッツホイップ</t>
  </si>
  <si>
    <t>シュガーバタートーストスプレッド</t>
  </si>
  <si>
    <t>ガーリックトーストスプレッド</t>
  </si>
  <si>
    <t>明太フランス風トーストスプレッド</t>
  </si>
  <si>
    <t>パン工房コーン＆マヨ</t>
  </si>
  <si>
    <t>パン工房ツナ＆マヨ</t>
  </si>
  <si>
    <t>いちごジャム</t>
  </si>
  <si>
    <t>オレンジマーマレードジャム</t>
  </si>
  <si>
    <t>ブルーベリージャム</t>
  </si>
  <si>
    <t>チョコレートクリーム</t>
  </si>
  <si>
    <t>ピーナッツクリーム</t>
  </si>
  <si>
    <t>シュガートーストメープル風味</t>
  </si>
  <si>
    <t>ソントン</t>
  </si>
  <si>
    <t>ｿﾝﾄﾝ</t>
  </si>
  <si>
    <t>ピーナッツバタークリーミー粒入り</t>
  </si>
  <si>
    <t>ダイショウ</t>
  </si>
  <si>
    <t>ﾀﾞｲｼｮｳ</t>
  </si>
  <si>
    <t>ピーナッツバタークリーミー</t>
  </si>
  <si>
    <t>コメダ特製小倉あん</t>
  </si>
  <si>
    <t>遠藤製餡</t>
  </si>
  <si>
    <t>ｴﾝﾄﾞｳｾｲｱﾝ</t>
  </si>
  <si>
    <t>コメダ珈琲店監修国産いちごバター</t>
  </si>
  <si>
    <t>スドージャム</t>
  </si>
  <si>
    <t>ｽﾄﾞｰｼﾞｬﾑ</t>
  </si>
  <si>
    <t>コメダ珈琲店監修国産りんごバター</t>
  </si>
  <si>
    <t>イチゴジャム</t>
  </si>
  <si>
    <t>オレンジママレードジャム</t>
  </si>
  <si>
    <t>ワイルドブルーベリージャム</t>
  </si>
  <si>
    <t>リンゴジャム</t>
  </si>
  <si>
    <t>まるごと果実いちご</t>
  </si>
  <si>
    <t>125g</t>
  </si>
  <si>
    <t>あさくら</t>
  </si>
  <si>
    <t>まるごと果実ブルーベリー</t>
  </si>
  <si>
    <t>まるごと果実オレンジ</t>
  </si>
  <si>
    <t>まるごと果実白桃</t>
  </si>
  <si>
    <t>まるごと果実あんず</t>
  </si>
  <si>
    <t>加藤産業いちごジャム</t>
  </si>
  <si>
    <t>ｶﾝﾋﾟｰ</t>
  </si>
  <si>
    <t>トリプルベリージャム</t>
  </si>
  <si>
    <t>ランプいちごジャム</t>
  </si>
  <si>
    <t>ランプオレンジマーマレード</t>
  </si>
  <si>
    <t>ランプブルーベリージャム</t>
  </si>
  <si>
    <t>水あめ</t>
  </si>
  <si>
    <t>有機アガベシロップ</t>
  </si>
  <si>
    <t>エヌアイエスフーズサービス</t>
  </si>
  <si>
    <t>NIS</t>
  </si>
  <si>
    <t>ハニーメープル</t>
  </si>
  <si>
    <t>加藤美蜂園本舗</t>
  </si>
  <si>
    <t>ｶﾄｳﾋﾞﾎｳｴﾝ</t>
  </si>
  <si>
    <t>純粋はちみつスティックタイプ</t>
  </si>
  <si>
    <t>アルゼンチン＆カナダ純粋蜂蜜</t>
  </si>
  <si>
    <t>サクラ印純粋ハチミツポリ</t>
  </si>
  <si>
    <t>ハチミツレンゲ</t>
  </si>
  <si>
    <t>はちみつゆず茶</t>
  </si>
  <si>
    <t>エス・エス・ビー</t>
  </si>
  <si>
    <t>ｴｽｴｽﾋﾞｰ</t>
  </si>
  <si>
    <t>純粋はちみつ</t>
  </si>
  <si>
    <t>レンゲ純粋ハチミツ</t>
  </si>
  <si>
    <t>715g</t>
  </si>
  <si>
    <t>日本蜂蜜</t>
  </si>
  <si>
    <t>ﾆﾎﾝﾊﾁﾐﾂ</t>
  </si>
  <si>
    <t>カナダ産純粋はちみつ</t>
  </si>
  <si>
    <t>サクラ印純粋アカシアはちみつ</t>
  </si>
  <si>
    <t>野菜を食べよう和風スープ</t>
  </si>
  <si>
    <t>30gx2P</t>
  </si>
  <si>
    <t>サイドサラダ（キューピー）</t>
  </si>
  <si>
    <t>ｷｭｰﾋﾟｰｻｲﾄﾞﾈｯﾄ_全国1本</t>
  </si>
  <si>
    <t>野菜を食べようミネストローネ</t>
  </si>
  <si>
    <t>35gx2P</t>
  </si>
  <si>
    <t>北海道コーンクリーム</t>
  </si>
  <si>
    <t>和豆ミックス青大豆､白いんげん豆､きんとき豆</t>
  </si>
  <si>
    <t>サラダクラブミックスビーンズ</t>
  </si>
  <si>
    <t>サラダクラブガルバンゾひよこ豆</t>
  </si>
  <si>
    <t>北海道大豆</t>
  </si>
  <si>
    <t>サラダクラブレッドキドニー</t>
  </si>
  <si>
    <t>大豆ミートミックス</t>
  </si>
  <si>
    <t>10種ミックス豆と穀物</t>
  </si>
  <si>
    <t>チキンささみほぐし肉</t>
  </si>
  <si>
    <t>伊之助製麺</t>
  </si>
  <si>
    <t>10p</t>
  </si>
  <si>
    <t>健翔</t>
  </si>
  <si>
    <t>ｹﾝｼｮｳ</t>
  </si>
  <si>
    <t>ｹﾝﾐﾝ</t>
  </si>
  <si>
    <t>宇美店</t>
  </si>
  <si>
    <t>九州4尺2本_1800九・福岡</t>
  </si>
  <si>
    <t>粗削りだし入りみそ</t>
  </si>
  <si>
    <t>だし入りみそ母の膳</t>
  </si>
  <si>
    <t>料亭の味減塩</t>
  </si>
  <si>
    <t>液みそ貝だし</t>
  </si>
  <si>
    <t>液みそ赤だし</t>
  </si>
  <si>
    <t>液みそ糀美人</t>
  </si>
  <si>
    <t>料亭の味生みそ</t>
  </si>
  <si>
    <t>生みそ糀美人熟甘</t>
  </si>
  <si>
    <t>生みそ糀美人なめらか</t>
  </si>
  <si>
    <t>無添加円熟こうじみそ</t>
  </si>
  <si>
    <t>クラフトみそ生糀</t>
  </si>
  <si>
    <t>九州産原料あわせ白</t>
  </si>
  <si>
    <t>九州産原料あわせ赤</t>
  </si>
  <si>
    <t>生あわせこうじ</t>
  </si>
  <si>
    <t>米麹麦麹合わせ製法合わせみそ</t>
  </si>
  <si>
    <t>ｻｸﾗﾐｿ</t>
  </si>
  <si>
    <t>丸の内タニタ食堂減塩生みそ</t>
  </si>
  <si>
    <t>325g</t>
  </si>
  <si>
    <t>からし酢みそ</t>
  </si>
  <si>
    <t>つけてみそかけてみそ</t>
  </si>
  <si>
    <t>ナカモ</t>
  </si>
  <si>
    <t>ﾅｶﾓ</t>
  </si>
  <si>
    <t>京風白みそ</t>
  </si>
  <si>
    <t>蔵通り赤だしみそ</t>
  </si>
  <si>
    <t>ジャポニックス</t>
  </si>
  <si>
    <t>ｼﾞｬﾎﾟﾆｯｸｽ</t>
  </si>
  <si>
    <t>里ごころ減塩合わせこうじ</t>
  </si>
  <si>
    <t>里ごころ米みそ</t>
  </si>
  <si>
    <t>夜明け熟成生あわせ</t>
  </si>
  <si>
    <t>ﾌｼﾞｼﾞﾝ</t>
  </si>
  <si>
    <t>夜明けカップあわせ</t>
  </si>
  <si>
    <t>夜明けカップ米</t>
  </si>
  <si>
    <t>里ごころ麦みそ</t>
  </si>
  <si>
    <t>ふるさとの朝減塩あわせこうじ</t>
  </si>
  <si>
    <t>天然醸造あわせ</t>
  </si>
  <si>
    <t>手詰め合わせみそ</t>
  </si>
  <si>
    <t>鶴味噌醸造</t>
  </si>
  <si>
    <t>ﾂﾙﾐｿ</t>
  </si>
  <si>
    <t>生きてる米みそ</t>
  </si>
  <si>
    <t>生きてる純正赤</t>
  </si>
  <si>
    <t>子守島原の田舎みそうす塩</t>
  </si>
  <si>
    <t>子守食品</t>
  </si>
  <si>
    <t>ｺﾓﾘｼｮｸﾋﾝ</t>
  </si>
  <si>
    <t>業務用合わせみそ</t>
  </si>
  <si>
    <t>ふるさとの朝ジャンボ合わせこうじ</t>
  </si>
  <si>
    <t>生きてる合わせ</t>
  </si>
  <si>
    <t>ミニボトルさしみ醤油</t>
  </si>
  <si>
    <t>100ml</t>
  </si>
  <si>
    <t>九州4尺2本_2100九・宇美･須恵</t>
  </si>
  <si>
    <t>減塩うまくちさしみしょうゆ</t>
  </si>
  <si>
    <t>甘口さしみしょうゆ</t>
  </si>
  <si>
    <t>あまくち九州醤油</t>
  </si>
  <si>
    <t>上級うすくちしょうゆ</t>
  </si>
  <si>
    <t>特選丸大豆しょうゆ</t>
  </si>
  <si>
    <t>丸大豆しょうゆ</t>
  </si>
  <si>
    <t>特選有機しょうゆ</t>
  </si>
  <si>
    <t>国産原料丸大豆生醤油</t>
  </si>
  <si>
    <t>本醸造こいくち醤油</t>
  </si>
  <si>
    <t>ﾌﾝﾄﾞｰﾀﾞｲ</t>
  </si>
  <si>
    <t>かつお醤油</t>
  </si>
  <si>
    <t>上級うすくち醤油</t>
  </si>
  <si>
    <t>あまかっちゃんしょうゆ</t>
  </si>
  <si>
    <t>たまごにかけるお醤油</t>
  </si>
  <si>
    <t>寺岡有機醸造</t>
  </si>
  <si>
    <t>ﾃﾗｵｶﾕｳｷ</t>
  </si>
  <si>
    <t>鎌田低塩だし醤油</t>
  </si>
  <si>
    <t>鎌田醤油</t>
  </si>
  <si>
    <t>ｶﾏﾀｼｮｳﾕ</t>
  </si>
  <si>
    <t>鎌田だし醤油</t>
  </si>
  <si>
    <t>いつでも新鮮味わいリッチ減塩しょうゆ</t>
  </si>
  <si>
    <t>牡蠣だししょうゆ</t>
  </si>
  <si>
    <t>いつでも新鮮あまうまいだししょうゆ</t>
  </si>
  <si>
    <t>いつでも新鮮旨み広がるだししょうゆ</t>
  </si>
  <si>
    <t>330ml</t>
  </si>
  <si>
    <t>削リたて鰹節香る醤油</t>
  </si>
  <si>
    <t>620ml</t>
  </si>
  <si>
    <t>リッチ特選丸大豆しょうゆ</t>
  </si>
  <si>
    <t>ゴールデン紫</t>
  </si>
  <si>
    <t>特選初茜</t>
  </si>
  <si>
    <t>だし醤油うまくち</t>
  </si>
  <si>
    <t>九州4尺2本_1800九【福岡】</t>
  </si>
  <si>
    <t>プチッと鍋もつ鍋</t>
  </si>
  <si>
    <t>〆まで美味しいごま豆乳鍋つゆミニパック</t>
  </si>
  <si>
    <t>36g×4P</t>
  </si>
  <si>
    <t>〆まで美味しい焼あごだし鍋つゆミニパック</t>
  </si>
  <si>
    <t>29g×4P</t>
  </si>
  <si>
    <t>〆まで美味しいキムチ鍋つゆミニパック</t>
  </si>
  <si>
    <t>鍋キューブ鶏だし･うま塩</t>
  </si>
  <si>
    <t>青ゆずこしょう</t>
  </si>
  <si>
    <t>天つゆ</t>
  </si>
  <si>
    <t>追いがつおつゆストレート</t>
  </si>
  <si>
    <t>つゆ自慢ストレート</t>
  </si>
  <si>
    <t>吟御膳そばつゆ</t>
  </si>
  <si>
    <t>ざるそば・ざるうどんつゆストレート</t>
  </si>
  <si>
    <t>LOVERZたれつゆ辛旨醤</t>
  </si>
  <si>
    <t>LOVERZたれつゆにんにく醤油</t>
  </si>
  <si>
    <t>八方だし</t>
  </si>
  <si>
    <t>濃いダシ本つゆ</t>
  </si>
  <si>
    <t>四季のつゆかつお味濃厚2倍</t>
  </si>
  <si>
    <t>あまくておいしいつゆ</t>
  </si>
  <si>
    <t>創味のつゆ</t>
  </si>
  <si>
    <t>焙煎あごだしつゆ</t>
  </si>
  <si>
    <t>減塩白だし</t>
  </si>
  <si>
    <t>鰹つゆ</t>
  </si>
  <si>
    <t>赤から鍋スティック</t>
  </si>
  <si>
    <t>232g</t>
  </si>
  <si>
    <t>名店監修鍋の素一風堂博多とんこつ味</t>
  </si>
  <si>
    <t>けやき監修ラーメン鍋辛旨味噌</t>
  </si>
  <si>
    <t>スープしゃぶ極みだし</t>
  </si>
  <si>
    <t>なべしゃぶ鶏がら醤油つゆ</t>
  </si>
  <si>
    <t>100g×2袋入</t>
  </si>
  <si>
    <t>リュウジ監修至高のキムチ鍋スープ</t>
  </si>
  <si>
    <t>ＣｏＣｏ壱番屋監修チーズカレー鍋スープ</t>
  </si>
  <si>
    <t>1　パック</t>
  </si>
  <si>
    <t>甘熟トマト鍋</t>
  </si>
  <si>
    <t>赤から鍋スープ3番</t>
  </si>
  <si>
    <t>赤から鍋スープ5番</t>
  </si>
  <si>
    <t>鍋THEWORLDトリュフ香るマンハッタンクラムチャウダー</t>
  </si>
  <si>
    <t>鍋THEWORLDオマール海老の海賊ブイヤベース</t>
  </si>
  <si>
    <t>鍋THEWORLD発酵唐辛子のユッケジャン</t>
  </si>
  <si>
    <t>名店監修鍋坂内淡麗旨だし仕立て</t>
  </si>
  <si>
    <t>名店監修鍋天下一品京都鶏白湯味</t>
  </si>
  <si>
    <t>けやき監修札幌味噌鍋つゆ</t>
  </si>
  <si>
    <t>とみ田監修濃厚豚骨魚介鍋つゆ</t>
  </si>
  <si>
    <t>職人一丸家系総本山吉村家横浜豚骨醤油鍋つゆ</t>
  </si>
  <si>
    <t>〆まで美味しいごま豆乳鍋つゆ赤</t>
  </si>
  <si>
    <t>〆まで美味しい北海道産ほたてと蛤の貝だし鍋つゆ</t>
  </si>
  <si>
    <t>〆まで美味しい地鶏塩ちゃんこ鍋つゆ</t>
  </si>
  <si>
    <t>〆まで美味しい濃厚みそ鍋</t>
  </si>
  <si>
    <t>スープしゃぶ極みだしストレート</t>
  </si>
  <si>
    <t>岡部シェフこだわりの鶏白湯鍋つゆ</t>
  </si>
  <si>
    <t>甲斐シェフこだわりの坦坦鍋つゆ</t>
  </si>
  <si>
    <t>杠シェフこだわりのもつ鍋スープ醤油味</t>
  </si>
  <si>
    <t>ﾓﾗﾝﾎﾞﾝ</t>
  </si>
  <si>
    <t>追いがつおつゆプロ</t>
  </si>
  <si>
    <t>九州3尺1本_2100九・西</t>
  </si>
  <si>
    <t>減塩ゆずぽん酢</t>
  </si>
  <si>
    <t>にんにくぽん酢</t>
  </si>
  <si>
    <t>サンプラス</t>
  </si>
  <si>
    <t>ｻﾝﾌﾟﾗｽ</t>
  </si>
  <si>
    <t>極果汁ぽん酢</t>
  </si>
  <si>
    <t>ﾁｮｰｺｰ</t>
  </si>
  <si>
    <t>馬路村ゆずの村ぽん酢しょうゆ</t>
  </si>
  <si>
    <t>かぼすぽん酢</t>
  </si>
  <si>
    <t>だいだいぽん酢</t>
  </si>
  <si>
    <t>塩こうじれもんぽん酢</t>
  </si>
  <si>
    <t>大東食研</t>
  </si>
  <si>
    <t>ﾀﾞｲﾄｳｼｮｸｹﾝ</t>
  </si>
  <si>
    <t>実生白ぽんず</t>
  </si>
  <si>
    <t>カネトシ</t>
  </si>
  <si>
    <t>ﾐｷﾌｰｽﾞ</t>
  </si>
  <si>
    <t>酢・みりん・料理酒</t>
  </si>
  <si>
    <t>九州4尺2本_1800九・西</t>
  </si>
  <si>
    <t>マリネの素</t>
  </si>
  <si>
    <t>ポッカレモン</t>
  </si>
  <si>
    <t>120ml</t>
  </si>
  <si>
    <t>手軽に黒酢瓶</t>
  </si>
  <si>
    <t>マンネン酢</t>
  </si>
  <si>
    <t>ﾏﾝﾈﾝｽ</t>
  </si>
  <si>
    <t>まろやかりんご酢はちみつりんごストレート</t>
  </si>
  <si>
    <t>マインズりんご酢ドリンク</t>
  </si>
  <si>
    <t>ざくろ黒酢ストレート</t>
  </si>
  <si>
    <t>ざくろ黒酢</t>
  </si>
  <si>
    <t>ヨーグルト黒酢</t>
  </si>
  <si>
    <t>うめ黒酢</t>
  </si>
  <si>
    <t>まろやかりんご酢はちみつりんご</t>
  </si>
  <si>
    <t>GABA100肌弾ビネガー</t>
  </si>
  <si>
    <t>GABA100睡活ビネガー</t>
  </si>
  <si>
    <t>美酢グレープフルーツ</t>
  </si>
  <si>
    <t>すし酢</t>
  </si>
  <si>
    <t>特級すし酢赤酢醸美仕立て</t>
  </si>
  <si>
    <t>純玄米酢</t>
  </si>
  <si>
    <t>いいこと酢</t>
  </si>
  <si>
    <t>カンタン酢トマト</t>
  </si>
  <si>
    <t>カンタン純米酢</t>
  </si>
  <si>
    <t>お米だけのあまさの本みりん450ml</t>
  </si>
  <si>
    <t>便利なお酢</t>
  </si>
  <si>
    <t>本みりん1L</t>
  </si>
  <si>
    <t>らっきょう酢</t>
  </si>
  <si>
    <t>穀物酢家庭用ペット</t>
  </si>
  <si>
    <t>梅屋ハネー</t>
  </si>
  <si>
    <t>ｳﾒﾔﾊﾈ-</t>
  </si>
  <si>
    <t>九州4尺1本_1800九・西</t>
  </si>
  <si>
    <t>沖縄・奄美おきびオリゴ糖</t>
  </si>
  <si>
    <t>伊藤忠製糖</t>
  </si>
  <si>
    <t>ｲﾄｳﾁｭｳｾｲﾄｳ</t>
  </si>
  <si>
    <t>パルスイートカロリーゼロ液体</t>
  </si>
  <si>
    <t>パルスィート袋</t>
  </si>
  <si>
    <t>ラカントS顆粒</t>
  </si>
  <si>
    <t>ベビー印黒っ子</t>
  </si>
  <si>
    <t>上野砂糖</t>
  </si>
  <si>
    <t>ｳｴﾉｻﾄｳ</t>
  </si>
  <si>
    <t>黒糖波照間産</t>
  </si>
  <si>
    <t>仲宗根食品</t>
  </si>
  <si>
    <t>ﾅｶｿﾈｼｮｸﾋﾝ</t>
  </si>
  <si>
    <t>国産花見糖</t>
  </si>
  <si>
    <t>第一糖業</t>
  </si>
  <si>
    <t>ﾀﾞｲｲﾁﾄｳｷﾞｮ</t>
  </si>
  <si>
    <t>素焚糖</t>
  </si>
  <si>
    <t>氷砂糖クリスタル</t>
  </si>
  <si>
    <t>ﾃﾞｨｰｴﾑﾐﾂｲ</t>
  </si>
  <si>
    <t>てんさい糖</t>
  </si>
  <si>
    <t>ホクレン農業協同組合連合会</t>
  </si>
  <si>
    <t>ﾎｸﾚﾝ</t>
  </si>
  <si>
    <t>グラニュー糖</t>
  </si>
  <si>
    <t>アマニ油</t>
  </si>
  <si>
    <t>九州4尺2本_1800九</t>
  </si>
  <si>
    <t>エクストラバージンココナッツオイル</t>
  </si>
  <si>
    <t>日清純正ごま油</t>
  </si>
  <si>
    <t>純正胡麻油</t>
  </si>
  <si>
    <t>九鬼産業</t>
  </si>
  <si>
    <t>ｸｷｻﾝｷﾞｮｳ</t>
  </si>
  <si>
    <t>マルホン太香胡麻油ペット</t>
  </si>
  <si>
    <t>竹本油脂</t>
  </si>
  <si>
    <t>ﾀｹﾓﾄﾕｼ</t>
  </si>
  <si>
    <t>マルホン太白胡麻油ペット</t>
  </si>
  <si>
    <t>金印ごま油</t>
  </si>
  <si>
    <t>銀印純正ごま油</t>
  </si>
  <si>
    <t>健やかごま油</t>
  </si>
  <si>
    <t>196g</t>
  </si>
  <si>
    <t>ヘルシークリア</t>
  </si>
  <si>
    <t>アマニ油プラスペット</t>
  </si>
  <si>
    <t>築野食品工業</t>
  </si>
  <si>
    <t>ﾂﾉｼｮｸﾋﾝ</t>
  </si>
  <si>
    <t>910g</t>
  </si>
  <si>
    <t>アシストバルール</t>
  </si>
  <si>
    <t>ｱｼｽﾄﾊﾞﾙｰﾙ</t>
  </si>
  <si>
    <t>こめ油たっぷりオイル</t>
  </si>
  <si>
    <t>J-オイルミルズ</t>
  </si>
  <si>
    <t>Jｵｲﾙﾐﾙｽﾞ</t>
  </si>
  <si>
    <t>さらっと軽いオリーブオイル瓶</t>
  </si>
  <si>
    <t>オリーブオイル</t>
  </si>
  <si>
    <t>オリーブオイルエクストラバージン</t>
  </si>
  <si>
    <t>228g</t>
  </si>
  <si>
    <t>さらっと軽いオリーブオイル</t>
  </si>
  <si>
    <t>ユーロリーブ</t>
  </si>
  <si>
    <t>jｵｲﾙﾐﾙｽﾞ</t>
  </si>
  <si>
    <t>ベルトーリエキストラバージンオリーブオイル</t>
  </si>
  <si>
    <t>ﾍﾞﾙﾄｰﾘ</t>
  </si>
  <si>
    <t>キャノーラ＆オリーブ</t>
  </si>
  <si>
    <t>684g</t>
  </si>
  <si>
    <t>ノンオイルドレ減塩ごま</t>
  </si>
  <si>
    <t>九州4尺2本1800九・西</t>
  </si>
  <si>
    <t>ノンオイルドレ減塩和風</t>
  </si>
  <si>
    <t>アマニ油ドレごま豆乳入り</t>
  </si>
  <si>
    <t>アマニ油ドレ和風たまねぎ210ml</t>
  </si>
  <si>
    <t>植物生まれのシーザーサラダドレッシング</t>
  </si>
  <si>
    <t>植物生まれのごまドレッシング</t>
  </si>
  <si>
    <t>MCTドレッシングソースごま＆ナッツ</t>
  </si>
  <si>
    <t>MCTドレッシングソース和風オニオン</t>
  </si>
  <si>
    <t>イタリアンテバジルソース</t>
  </si>
  <si>
    <t>野菜がうまい醤油胡麻だれ</t>
  </si>
  <si>
    <t>野菜がうまいねぎ塩ガーリック</t>
  </si>
  <si>
    <t>ノンオイルごまと香味野菜</t>
  </si>
  <si>
    <t>ノンオイル梅づくし</t>
  </si>
  <si>
    <t>たまねぎと生姜の万能ドレッシング</t>
  </si>
  <si>
    <t>修善寺醤油</t>
  </si>
  <si>
    <t>ｼｭｾﾞﾝｼﾞ</t>
  </si>
  <si>
    <t>生にんじんドレッシング</t>
  </si>
  <si>
    <t>黒酢玉ねぎドレッシング</t>
  </si>
  <si>
    <t>310ml</t>
  </si>
  <si>
    <t>矢木醤油</t>
  </si>
  <si>
    <t>ﾔｷﾞｼｮｳﾕ</t>
  </si>
  <si>
    <t>ソラドレまるごとトマト</t>
  </si>
  <si>
    <t>ﾆﾎﾝｼｮｸｹﾝ</t>
  </si>
  <si>
    <t>サラダデュオごまわさびドレッシング</t>
  </si>
  <si>
    <t>サラダデュオシーザーサラダレモンドレッシング</t>
  </si>
  <si>
    <t>インドカレー屋さんの謎ドレッシング</t>
  </si>
  <si>
    <t>洋食屋さんのただただおいしいドレッシング</t>
  </si>
  <si>
    <t>ノンオイルタルタルクリーミー</t>
  </si>
  <si>
    <t>フレンチドレッシングセパレート</t>
  </si>
  <si>
    <t>レモンドレッシング</t>
  </si>
  <si>
    <t>にんじんドレッシング</t>
  </si>
  <si>
    <t>チョレギサラダドレッシング</t>
  </si>
  <si>
    <t>コブサラダドレッシング</t>
  </si>
  <si>
    <t>クリーミィ野菜ドレッシング</t>
  </si>
  <si>
    <t>まろやかごまドレッシング</t>
  </si>
  <si>
    <t>深煎りごまドレッシングカロリーハーフ</t>
  </si>
  <si>
    <t>深煎りごまドレッシング柚子こしょう</t>
  </si>
  <si>
    <t>ドレッシングダイエットまろやかごま風味</t>
  </si>
  <si>
    <t>ドレッシングダイエットうまくち和風</t>
  </si>
  <si>
    <t>ドレッシングダイエットごま油香るチョレギ</t>
  </si>
  <si>
    <t>ドレッシングダイエット薫るイタリアン</t>
  </si>
  <si>
    <t>テイスティドレッシングバジル＆チーズ</t>
  </si>
  <si>
    <t>テイスティドレッシングシーザーサラダオリーブオイル</t>
  </si>
  <si>
    <t>テイスティドレッシングトマト＆ガーリック</t>
  </si>
  <si>
    <t>260ml</t>
  </si>
  <si>
    <t>くんせいナッツドレッシング</t>
  </si>
  <si>
    <t>安本産業</t>
  </si>
  <si>
    <t>ﾔｽﾓﾄｻﾝｷﾞｮｳ</t>
  </si>
  <si>
    <t>九州を味わうゆず香るごまドレッシング300ml</t>
  </si>
  <si>
    <t>ゆずドレッシング</t>
  </si>
  <si>
    <t>ゆふいんの森和風ドレッシング金ごま焙煎</t>
  </si>
  <si>
    <t>本わさびドレッシング</t>
  </si>
  <si>
    <t>マル井</t>
  </si>
  <si>
    <t>ﾏﾙｲ</t>
  </si>
  <si>
    <t>ドレッシング甘口</t>
  </si>
  <si>
    <t>ドレッシング辛口</t>
  </si>
  <si>
    <t>日向夏玉ねぎドレッシング</t>
  </si>
  <si>
    <t>響</t>
  </si>
  <si>
    <t>ﾋﾋﾞｷ</t>
  </si>
  <si>
    <t>ｴｽｴｽｹｲﾌｰｽﾞ</t>
  </si>
  <si>
    <t>エルドレッシング和風</t>
  </si>
  <si>
    <t>ホットドッグ用マスタード</t>
  </si>
  <si>
    <t>タルタルソーススティック</t>
  </si>
  <si>
    <t>具だくさんタルタル</t>
  </si>
  <si>
    <t>具だくさんレモンタルタル</t>
  </si>
  <si>
    <t>エスエスケイフーズ</t>
  </si>
  <si>
    <t>ホリネーズ</t>
  </si>
  <si>
    <t>ミモナ</t>
  </si>
  <si>
    <t>ﾐﾓﾅ</t>
  </si>
  <si>
    <t>山本光学</t>
  </si>
  <si>
    <t>燻製マヨネーズ</t>
  </si>
  <si>
    <t>エッグケア</t>
  </si>
  <si>
    <t>305g</t>
  </si>
  <si>
    <t>めんたいマヨネーズ</t>
  </si>
  <si>
    <t>やまやコミュニケーションズ</t>
  </si>
  <si>
    <t>ﾔﾏﾔ</t>
  </si>
  <si>
    <t>ライト80%カロリーカット</t>
  </si>
  <si>
    <t>310g</t>
  </si>
  <si>
    <t>ゼロノンコレステロール</t>
  </si>
  <si>
    <t>フィッテ</t>
  </si>
  <si>
    <t>MCTマヨネーズタイプ</t>
  </si>
  <si>
    <t>桃屋のおいしい唐がらしソース</t>
  </si>
  <si>
    <t>ハバネロソースHOT</t>
  </si>
  <si>
    <t>148ml</t>
  </si>
  <si>
    <t>ﾏﾘ-ｼｬ-ﾌﾟｽ</t>
  </si>
  <si>
    <t>ハバネロソースFIREHOT</t>
  </si>
  <si>
    <t>鶏肉のトマト煮用ソース</t>
  </si>
  <si>
    <t>煮込みハンバーグ用ソース</t>
  </si>
  <si>
    <t>バーベキューソース</t>
  </si>
  <si>
    <t>マスタードソース</t>
  </si>
  <si>
    <t>ピクルス味ケチャップ</t>
  </si>
  <si>
    <t>有機トマトピューレ</t>
  </si>
  <si>
    <t>トマトピューレ</t>
  </si>
  <si>
    <t>ﾑｯﾃｨ</t>
  </si>
  <si>
    <t>カットトマト紙パック</t>
  </si>
  <si>
    <t>390g</t>
  </si>
  <si>
    <t>朝日</t>
  </si>
  <si>
    <t>ｱｻﾋ</t>
  </si>
  <si>
    <t>ナガノケチャップハーフ鉄分プラス</t>
  </si>
  <si>
    <t>ナガノトマト</t>
  </si>
  <si>
    <t>ﾅｶﾞﾉﾄﾏﾄ</t>
  </si>
  <si>
    <t>トマトケチャップForDaily</t>
  </si>
  <si>
    <t>760g</t>
  </si>
  <si>
    <t>ハンバーグソースデミグラス</t>
  </si>
  <si>
    <t>かけるハンバーグソースデミグラス仕込み</t>
  </si>
  <si>
    <t>お弁当用とんかつソース</t>
  </si>
  <si>
    <t>ジャポネソース</t>
  </si>
  <si>
    <t>修善寺トリュフドレッシング＆ソース</t>
  </si>
  <si>
    <t>ガーリックバターソース　　　　　　　　　</t>
  </si>
  <si>
    <t>ケンコ－マヨネ－ズ</t>
  </si>
  <si>
    <t>ｹﾝｺｰﾏﾖﾈｰｽﾞ</t>
  </si>
  <si>
    <t>バターソース　　　　　　　　　　　　　　</t>
  </si>
  <si>
    <t>スパニッシュアヒージョソース　　　　　　</t>
  </si>
  <si>
    <t>塩焼そばソース</t>
  </si>
  <si>
    <t>ｵﾀﾌｸｿｰｽ</t>
  </si>
  <si>
    <t>だしと醤油のたこ焼ソース</t>
  </si>
  <si>
    <t>お好みソース大人の辛口</t>
  </si>
  <si>
    <t>お好みソース野菜と果実</t>
  </si>
  <si>
    <t>1150g</t>
  </si>
  <si>
    <t>ステーキしょうゆオニオン＆ガーリック</t>
  </si>
  <si>
    <t>ステーキソースオニオン</t>
  </si>
  <si>
    <t>モランボン</t>
  </si>
  <si>
    <t>ローストビーフソースＲ０６</t>
  </si>
  <si>
    <t>焼肉ザクだれ塩だれガーリック</t>
  </si>
  <si>
    <t>ポッカレモン卓上レモン</t>
  </si>
  <si>
    <t>光武製菓</t>
  </si>
  <si>
    <t>わが家すりたておろししょうゆ</t>
  </si>
  <si>
    <t>やきとりのたれ</t>
  </si>
  <si>
    <t>粗おろしたっぷり生姜焼のたれ</t>
  </si>
  <si>
    <t>チキン南蛮たれ</t>
  </si>
  <si>
    <t>チキン南蛮のたれ</t>
  </si>
  <si>
    <t>ごましゃぶ</t>
  </si>
  <si>
    <t>金のごまだれ荒挽き</t>
  </si>
  <si>
    <t>プルコギャン中辛</t>
  </si>
  <si>
    <t>サンダイナー食品</t>
  </si>
  <si>
    <t>ｻﾝﾀﾞｲﾅ-</t>
  </si>
  <si>
    <t>プルコギャン辛口</t>
  </si>
  <si>
    <t>焼肉のたれ</t>
  </si>
  <si>
    <t>フードショップ戸村</t>
  </si>
  <si>
    <t>たれ自慢甘口</t>
  </si>
  <si>
    <t>宮島醤油</t>
  </si>
  <si>
    <t>ﾐﾔｼﾞﾏｼｮｳﾕ</t>
  </si>
  <si>
    <t>たれ自慢中辛</t>
  </si>
  <si>
    <t>わが家は焼肉屋さん焼肉屋さん濃厚だれ</t>
  </si>
  <si>
    <t>焼き肉屋さん濃厚たれ</t>
  </si>
  <si>
    <t>わが家は焼肉屋さん焦がしにんにく</t>
  </si>
  <si>
    <t>わが家は焼き肉屋さん塩ダレ</t>
  </si>
  <si>
    <t>1200g</t>
  </si>
  <si>
    <t>手造り焼肉のたれ</t>
  </si>
  <si>
    <t>九州4尺1本_1800_九・西</t>
  </si>
  <si>
    <t>コンソメ塩分ひかえめ固形</t>
  </si>
  <si>
    <t>5.3g×15P</t>
  </si>
  <si>
    <t>コンソメチキン</t>
  </si>
  <si>
    <t>5.3g×21P</t>
  </si>
  <si>
    <t>長崎ちゃんぽんスープ</t>
  </si>
  <si>
    <t>13g×4P</t>
  </si>
  <si>
    <t>焼うどんの素</t>
  </si>
  <si>
    <t>25g×3P</t>
  </si>
  <si>
    <t>8gX18ﾌｸﾛ</t>
  </si>
  <si>
    <t>和風だし千代の一番</t>
  </si>
  <si>
    <t>千代の一番</t>
  </si>
  <si>
    <t>ﾁﾖﾉｲﾁﾊﾞﾝ</t>
  </si>
  <si>
    <t>和風合わせだし</t>
  </si>
  <si>
    <t>鰹節屋のだしパック</t>
  </si>
  <si>
    <t>9g×8P</t>
  </si>
  <si>
    <t>無添加博多あご入りふりだし</t>
  </si>
  <si>
    <t>7包</t>
  </si>
  <si>
    <t>ﾜｺｳ</t>
  </si>
  <si>
    <t>万能博多あご入りふりだし</t>
  </si>
  <si>
    <t>和光</t>
  </si>
  <si>
    <t>焼きあごだし粉末</t>
  </si>
  <si>
    <t>素材力だしいりこだし</t>
  </si>
  <si>
    <t>5g×6</t>
  </si>
  <si>
    <t>素材力だしこんぶだし</t>
  </si>
  <si>
    <t>素材力だし本かつおだし</t>
  </si>
  <si>
    <t>焙焼あごだしの素</t>
  </si>
  <si>
    <t>ほんだし</t>
  </si>
  <si>
    <t>8g×7P</t>
  </si>
  <si>
    <t>お塩控えめのほんだし箱</t>
  </si>
  <si>
    <t>500g×2P</t>
  </si>
  <si>
    <t>クッキングクエン酸</t>
  </si>
  <si>
    <t>丹羽久</t>
  </si>
  <si>
    <t>ﾆﾜｷｭｳ</t>
  </si>
  <si>
    <t>鬼からし</t>
  </si>
  <si>
    <t>山清</t>
  </si>
  <si>
    <t>ﾔﾏｾｲ</t>
  </si>
  <si>
    <t>ぬか床昆布</t>
  </si>
  <si>
    <t>荒切り唐辛子</t>
  </si>
  <si>
    <t>東海香辛料</t>
  </si>
  <si>
    <t>ﾄｳｶｲｺｳｼﾝﾘｮ</t>
  </si>
  <si>
    <t>輪切り唐辛子</t>
  </si>
  <si>
    <t>韓国料理用唐がらし細挽き</t>
  </si>
  <si>
    <t>テーオー食品</t>
  </si>
  <si>
    <t>ﾃ-ｵ-ｼｮｸﾋﾝ</t>
  </si>
  <si>
    <t>唐辛子中荒</t>
  </si>
  <si>
    <t>ふくなが</t>
  </si>
  <si>
    <t>ﾌｸﾅｶﾞ</t>
  </si>
  <si>
    <t>塩こんきゅうりの素</t>
  </si>
  <si>
    <t>コーセーフーズ</t>
  </si>
  <si>
    <t>ｺｰｾｰﾌｰｽﾞ</t>
  </si>
  <si>
    <t>旨しおキャベツの素</t>
  </si>
  <si>
    <t>あっさりなす漬の素</t>
  </si>
  <si>
    <t>すぐ漬け</t>
  </si>
  <si>
    <t>8gx3</t>
  </si>
  <si>
    <t>日東食品工業</t>
  </si>
  <si>
    <t>ﾆｯﾄｳｼｮｸﾋﾝｺ</t>
  </si>
  <si>
    <t>お野菜まる塩たたききゅうりの素</t>
  </si>
  <si>
    <t>お野菜まる塩キャベツの素</t>
  </si>
  <si>
    <t>あさ漬白菜の素</t>
  </si>
  <si>
    <t>朝鮮漬の素</t>
  </si>
  <si>
    <t>ビール漬の素</t>
  </si>
  <si>
    <t>日光食品</t>
  </si>
  <si>
    <t>ﾆｯｺｳｼｮｸﾋﾝ</t>
  </si>
  <si>
    <t>わさび漬の素</t>
  </si>
  <si>
    <t>乳酸菌入りゆず着けの素</t>
  </si>
  <si>
    <t>あさ漬の素こんぶ風味</t>
  </si>
  <si>
    <t>4g×8P</t>
  </si>
  <si>
    <t>千枚漬けの酢</t>
  </si>
  <si>
    <t>ぬか漬けの素</t>
  </si>
  <si>
    <t>プラス糀生塩糀お徳用</t>
  </si>
  <si>
    <t>液体塩こうじ</t>
  </si>
  <si>
    <t>プラス糀塩糀パウダー</t>
  </si>
  <si>
    <t>塩こうじミニ粉末</t>
  </si>
  <si>
    <t>つけもと</t>
  </si>
  <si>
    <t>ﾂｹﾓﾄ</t>
  </si>
  <si>
    <t>新生しょうゆ糀</t>
  </si>
  <si>
    <t>塩こうじ</t>
  </si>
  <si>
    <t>減塩塩こうじ</t>
  </si>
  <si>
    <t>エバラキムチ漬けの素</t>
  </si>
  <si>
    <t>キムチペーストむーひ</t>
  </si>
  <si>
    <t>竹林</t>
  </si>
  <si>
    <t>ﾀｹﾊﾞﾔｼ</t>
  </si>
  <si>
    <t>浅漬けの素白キムチ</t>
  </si>
  <si>
    <t>北杜食品</t>
  </si>
  <si>
    <t>ﾎｸﾄｼｮｸﾋﾝ</t>
  </si>
  <si>
    <t>国産善光寺平米こうじ</t>
  </si>
  <si>
    <t>マルモ青木味噌醤油醸造場</t>
  </si>
  <si>
    <t>ﾏﾙﾓｱｵｷ</t>
  </si>
  <si>
    <t>つけもの塩</t>
  </si>
  <si>
    <t>ぬか床</t>
  </si>
  <si>
    <t>国城産業</t>
  </si>
  <si>
    <t>ｺｸｼﾞｮｳｻﾝｷﾞ</t>
  </si>
  <si>
    <t>ぜいたく三昧</t>
  </si>
  <si>
    <t>ロレーヌ岩塩スタンドパウチ</t>
  </si>
  <si>
    <t>白松</t>
  </si>
  <si>
    <t>ﾊｸﾏﾂ</t>
  </si>
  <si>
    <t>ミル付き岩塩詰め替え用袋</t>
  </si>
  <si>
    <t>ミル付き岩塩瓶</t>
  </si>
  <si>
    <t>ヒマラヤピンク岩塩</t>
  </si>
  <si>
    <t>料亭抹茶塩</t>
  </si>
  <si>
    <t>健康やさしお</t>
  </si>
  <si>
    <t>浜御塩藻塩</t>
  </si>
  <si>
    <t>さらさらお料理ソルト</t>
  </si>
  <si>
    <t>ピンク岩塩セラミックミル付</t>
  </si>
  <si>
    <t>ソルトカンパニー</t>
  </si>
  <si>
    <t>ｿﾙﾄｶﾝﾊﾟﾆｰ</t>
  </si>
  <si>
    <t>ブラックペッパーWセラミックミル付</t>
  </si>
  <si>
    <t>クレイジーガーリック</t>
  </si>
  <si>
    <t>塩屋が造った海水にがり</t>
  </si>
  <si>
    <t>170ml</t>
  </si>
  <si>
    <t>コックソース</t>
  </si>
  <si>
    <t>ｺｯｸｿｰｽ</t>
  </si>
  <si>
    <t>長崎海塩海の極み</t>
  </si>
  <si>
    <t>菱塩</t>
  </si>
  <si>
    <t>ﾘｮｳｴﾝ</t>
  </si>
  <si>
    <t>沖縄の塩シママース</t>
  </si>
  <si>
    <t>青い海</t>
  </si>
  <si>
    <t>ｱｵｲｳﾐ</t>
  </si>
  <si>
    <t>精製塩</t>
  </si>
  <si>
    <t>赤缶カレーミックス</t>
  </si>
  <si>
    <t>カレーパウダー缶入り</t>
  </si>
  <si>
    <t>カレー粉スティック</t>
  </si>
  <si>
    <t>カレーパートナーホットガラムマサラ</t>
  </si>
  <si>
    <t>尾道造酢</t>
  </si>
  <si>
    <t>カレーパートナー辛味オイル</t>
  </si>
  <si>
    <t>業務用バーモントカレー</t>
  </si>
  <si>
    <t>ギャバン</t>
  </si>
  <si>
    <t>業務用ジャワカレー</t>
  </si>
  <si>
    <t>カレーパートナージンジャーガーリックと7種のスパイス</t>
  </si>
  <si>
    <t>カレーパートナー4種野菜</t>
  </si>
  <si>
    <t>真名鶴酒造</t>
  </si>
  <si>
    <t>カレーパートナー炒め玉ねぎ</t>
  </si>
  <si>
    <t>プロ仕様ディナーカレーフレーク</t>
  </si>
  <si>
    <t>印度カレー中辛</t>
  </si>
  <si>
    <t>カレーZEPPIN中辛</t>
  </si>
  <si>
    <t>こくまろバターチキンカレー</t>
  </si>
  <si>
    <t>ドライキーマカレー中辛</t>
  </si>
  <si>
    <t>ごちレピライスキーマカレー</t>
  </si>
  <si>
    <t>ジャワカレー甘口</t>
  </si>
  <si>
    <t>とろけるカレー中辛</t>
  </si>
  <si>
    <t>こくまろカレー辛口</t>
  </si>
  <si>
    <t>クロスブレンドカレー甘口</t>
  </si>
  <si>
    <t>クロスブレンドカレー中辛</t>
  </si>
  <si>
    <t>コクとスパイスのカレー甘口</t>
  </si>
  <si>
    <t>プライムジャワカレー辛口</t>
  </si>
  <si>
    <t>プライムバーモントカレー甘口</t>
  </si>
  <si>
    <t>103g</t>
  </si>
  <si>
    <t>プライムバーモントカレー中辛</t>
  </si>
  <si>
    <t>カレーの王子様</t>
  </si>
  <si>
    <t>特定原材料8品目不使用バーモント中辛</t>
  </si>
  <si>
    <t>108g</t>
  </si>
  <si>
    <t>特定原材料8品目不使用シチューミクス</t>
  </si>
  <si>
    <t>特定原材料8品目不使用完熟トマハヤシライス</t>
  </si>
  <si>
    <t>赤缶カレーパウダールウ中辛</t>
  </si>
  <si>
    <t>バーモントカレーシェフズアレンジ果実仕</t>
  </si>
  <si>
    <t>バーモントカレーシェフズアレンジクリーム</t>
  </si>
  <si>
    <t>ジャワカレーシェフズアレンジ焙煎スパイス仕立て</t>
  </si>
  <si>
    <t>102g</t>
  </si>
  <si>
    <t>ジャワカレーシェフズアレンジ鮮烈スパイス仕立て</t>
  </si>
  <si>
    <t>ザカリー甘口</t>
  </si>
  <si>
    <t>ディナーカレー中辛</t>
  </si>
  <si>
    <t>シチュードボークリーム</t>
  </si>
  <si>
    <t>シチュードボービーフ</t>
  </si>
  <si>
    <t>スープカリーの匠濃厚辛口</t>
  </si>
  <si>
    <t>海の幸カレー中辛</t>
  </si>
  <si>
    <t>ごちレピライスタコライスソース</t>
  </si>
  <si>
    <t>コクの贅沢シチュービーフ</t>
  </si>
  <si>
    <t>シチューミクススイートコーン</t>
  </si>
  <si>
    <t>北海道シチューコーンクリーム</t>
  </si>
  <si>
    <t>北海道チャウダークラムチャウダー</t>
  </si>
  <si>
    <t>コクの贅沢シチュークリーム</t>
  </si>
  <si>
    <t>栗原はるみのクリームシチュー</t>
  </si>
  <si>
    <t>ｴｽﾋﾞｰｼｮｸﾋﾝ</t>
  </si>
  <si>
    <t>休日のシチュークリーム</t>
  </si>
  <si>
    <t>クロスブレンドカレー辛口</t>
  </si>
  <si>
    <t>ゴールデンカレーザスパイス中辛</t>
  </si>
  <si>
    <t>ゴールデンハヤシライスソース</t>
  </si>
  <si>
    <t>193g</t>
  </si>
  <si>
    <t>こくまろハヤシ</t>
  </si>
  <si>
    <t>完熟トマトのハヤシライスソース香ばしスパイシーハヤシ</t>
  </si>
  <si>
    <t>完熟トマトのハヤシライスソースボロネーゼ</t>
  </si>
  <si>
    <t>ほっとシチュークリーム</t>
  </si>
  <si>
    <t>九州4尺2本_1800九・西　西分割</t>
  </si>
  <si>
    <t>レトルト完熟トマトのハヤシライスソース</t>
  </si>
  <si>
    <t>インドカリー濃厚ビーフ</t>
  </si>
  <si>
    <t>インドカリースパイシーチキン</t>
  </si>
  <si>
    <t>インドカリービーフスパイシー</t>
  </si>
  <si>
    <t>カレー曜日辛口</t>
  </si>
  <si>
    <t>銀座キーマ</t>
  </si>
  <si>
    <t>銀座ハヤシ</t>
  </si>
  <si>
    <t>レトルトバーモントカレー甘口</t>
  </si>
  <si>
    <t>ククレカレー甘口</t>
  </si>
  <si>
    <t>ククレカレー中辛</t>
  </si>
  <si>
    <t>ボンカレーネオ牛肉の旨み中辛</t>
  </si>
  <si>
    <t>ボンカレーネオ濃厚デミスパイシー辛口</t>
  </si>
  <si>
    <t>おぱんちゅうさぎカレーポーク</t>
  </si>
  <si>
    <t>すみっコぐらしカレーPC甘口</t>
  </si>
  <si>
    <t>メガ盛カレー甘口</t>
  </si>
  <si>
    <t>カリー屋カレー小盛中辛</t>
  </si>
  <si>
    <t>カリー屋カレー小盛辛口</t>
  </si>
  <si>
    <t>150gx3</t>
  </si>
  <si>
    <t>ホテルシェフ欧風カレー中辛</t>
  </si>
  <si>
    <t>プロクオリティハヤシ</t>
  </si>
  <si>
    <t>カレーでニクる牛肉</t>
  </si>
  <si>
    <t>只々旨い超ビーフカレー</t>
  </si>
  <si>
    <t>200G</t>
  </si>
  <si>
    <t>アイデアパッケージ</t>
  </si>
  <si>
    <t>ｱｲﾃﾞｱﾊﾟｯｹｰ</t>
  </si>
  <si>
    <t>炭火焼肉たむらのお肉が入ったカレー中辛</t>
  </si>
  <si>
    <t>田村道場</t>
  </si>
  <si>
    <t>ﾀﾑﾗﾄﾞｳｼﾞｮｳ</t>
  </si>
  <si>
    <t>よこすか海軍カレー</t>
  </si>
  <si>
    <t>ヤチヨ</t>
  </si>
  <si>
    <t>ﾔﾁﾖ</t>
  </si>
  <si>
    <t>函館カレー中辛</t>
  </si>
  <si>
    <t>五島軒</t>
  </si>
  <si>
    <t>ｺﾞﾄｳｹﾝ</t>
  </si>
  <si>
    <t>スープカリーの匠チキンの濃厚スープカレー</t>
  </si>
  <si>
    <t>ゴロッと玉ねぎと骨付きチキンのスープカレー</t>
  </si>
  <si>
    <t>富良野地方卸売市場</t>
  </si>
  <si>
    <t>ﾌﾗﾉﾁﾎｳｵﾛｼ</t>
  </si>
  <si>
    <t>アジアンテラスマッサマンカレー中辛</t>
  </si>
  <si>
    <t>地球のカレータイ風グリーンカレー</t>
  </si>
  <si>
    <t>選ばれし人気店スパイス織りなすビーフカレー</t>
  </si>
  <si>
    <t>選ばれし人気店濃厚ビーフカレー</t>
  </si>
  <si>
    <t>噂の名店湘南ドライカレー</t>
  </si>
  <si>
    <t>噂の名店香味スパイスカレー</t>
  </si>
  <si>
    <t>180.8g</t>
  </si>
  <si>
    <t>噂の名店南インド風チキンカレー</t>
  </si>
  <si>
    <t>神田カレーグランプリマンダラビーフマサラカレー</t>
  </si>
  <si>
    <t>神田カレーグランプリ日乃屋カレー和風ビーフカレー</t>
  </si>
  <si>
    <t>神田カレーグランプリお茶の水大勝軒復刻版カレー</t>
  </si>
  <si>
    <t>欧風スパイシービーフカレー</t>
  </si>
  <si>
    <t>キャニオン・スパイス</t>
  </si>
  <si>
    <t>ｷｬﾆｵﾝｽﾊﾟｲｽ</t>
  </si>
  <si>
    <t>欧風チーズカレー</t>
  </si>
  <si>
    <t>鶏肉と野菜のキーマカレー</t>
  </si>
  <si>
    <t>濃厚バターチキン</t>
  </si>
  <si>
    <t>ｲﾜﾃｶﾝﾂﾞﾒ</t>
  </si>
  <si>
    <t>甘辛ポークカレー</t>
  </si>
  <si>
    <t>国産玉ねぎ仕様欧風カレー</t>
  </si>
  <si>
    <t>欧風野菜カレー</t>
  </si>
  <si>
    <t>欧風カレー甘口5食</t>
  </si>
  <si>
    <t>170g×5</t>
  </si>
  <si>
    <t>欧風カレー中辛5食</t>
  </si>
  <si>
    <t>欧風カレー辛口5食</t>
  </si>
  <si>
    <t>ギャバンローリエホール</t>
  </si>
  <si>
    <t>3g</t>
  </si>
  <si>
    <t>ギャバンシナモンスティックカシア袋</t>
  </si>
  <si>
    <t>あらびきコショー袋入り</t>
  </si>
  <si>
    <t>粉わさび缶</t>
  </si>
  <si>
    <t>粉わさび袋</t>
  </si>
  <si>
    <t>からし缶</t>
  </si>
  <si>
    <t>からし袋入り</t>
  </si>
  <si>
    <t>旬の香り有機スライスにんにく</t>
  </si>
  <si>
    <t>ギャバンレッドペパー</t>
  </si>
  <si>
    <t>ギャバンチリパウダー</t>
  </si>
  <si>
    <t>ギャバン花椒塩</t>
  </si>
  <si>
    <t>ギャバンブラックペパーホール</t>
  </si>
  <si>
    <t>ギャバンホワイトペパーホール</t>
  </si>
  <si>
    <t>ギャバン花椒ホール</t>
  </si>
  <si>
    <t>コリアンダー</t>
  </si>
  <si>
    <t>ギャバンシナモンスティックカシアホール</t>
  </si>
  <si>
    <t>ミル付きブラックペッパー</t>
  </si>
  <si>
    <t>さや唐辛子</t>
  </si>
  <si>
    <t>T七味唐辛子</t>
  </si>
  <si>
    <t>ﾛｺﾄ</t>
  </si>
  <si>
    <t>糸切り唐辛子</t>
  </si>
  <si>
    <t>ラー油</t>
  </si>
  <si>
    <t>マー油</t>
  </si>
  <si>
    <t>唐がらし族バリ粗唐辛子</t>
  </si>
  <si>
    <t>国産山椒</t>
  </si>
  <si>
    <t>クッキングガーリック</t>
  </si>
  <si>
    <t>味塩こしょう減塩</t>
  </si>
  <si>
    <t>マキシマムナチュラルスパイス</t>
  </si>
  <si>
    <t>ねりからしお徳用</t>
  </si>
  <si>
    <t>コチジャン</t>
  </si>
  <si>
    <t>本わさび瑞葵</t>
  </si>
  <si>
    <t>田丸屋本店</t>
  </si>
  <si>
    <t>ﾀﾏﾙﾔ</t>
  </si>
  <si>
    <t>料亭生わさび</t>
  </si>
  <si>
    <t>料亭生しょうが</t>
  </si>
  <si>
    <t>ねり和からし</t>
  </si>
  <si>
    <t>スープ</t>
  </si>
  <si>
    <t>九州4尺1本1800九州・西</t>
  </si>
  <si>
    <t>じっくりコトコトこんがりパン超盛じゃがいもポタージュ</t>
  </si>
  <si>
    <t>スープDELI完熟トマトのスープパスタ</t>
  </si>
  <si>
    <t>40.6g</t>
  </si>
  <si>
    <t>スープDELIサーモンとほうれん草のスープパスタ</t>
  </si>
  <si>
    <t>スープDELIたらこクリームスープパスタ</t>
  </si>
  <si>
    <t>44.2g</t>
  </si>
  <si>
    <t>スープDELIポルチーニ香るきのこのスープパスタ</t>
  </si>
  <si>
    <t>42.3g</t>
  </si>
  <si>
    <t>スープDELIクリーミーカルボナーラカップ</t>
  </si>
  <si>
    <t>スープDELIクラムチャウダーパスタ入り</t>
  </si>
  <si>
    <t>37.5g</t>
  </si>
  <si>
    <t>大人むけのスープ粒コーンのクリームポタージュ</t>
  </si>
  <si>
    <t>ﾊｲﾝﾂ</t>
  </si>
  <si>
    <t>まるごと野菜完熟トマトのミネストローネ</t>
  </si>
  <si>
    <t>まるごと野菜じっくり煮込んだポトフ</t>
  </si>
  <si>
    <t>クノールスープコーンクリーム</t>
  </si>
  <si>
    <t>65.2g</t>
  </si>
  <si>
    <t>中華スープ椎茸・鶏</t>
  </si>
  <si>
    <t>中華スープコーンと帆立</t>
  </si>
  <si>
    <t>素材のチカラスンドゥブチゲスープパック</t>
  </si>
  <si>
    <t>6.6g×5</t>
  </si>
  <si>
    <t>おうちスープコーン袋</t>
  </si>
  <si>
    <t>192g</t>
  </si>
  <si>
    <t>おうちスープじゃがいも袋</t>
  </si>
  <si>
    <t>わかめスープわくわくファミリーパック</t>
  </si>
  <si>
    <t>クノール毎日スープコーンクリーム</t>
  </si>
  <si>
    <t>286.4g</t>
  </si>
  <si>
    <t>クノール毎日スープポタージュ</t>
  </si>
  <si>
    <t>251.2g</t>
  </si>
  <si>
    <t>コーンポタージュ</t>
  </si>
  <si>
    <t>オニオンコンソメスープ</t>
  </si>
  <si>
    <t>具材と旨味にこだわった鶏ぞうすい</t>
  </si>
  <si>
    <t>具材と旨味にこだわった蟹ぞうすい</t>
  </si>
  <si>
    <t>うさぎもちあんこ餅小倉あんながモチパック</t>
  </si>
  <si>
    <t>きむら食品</t>
  </si>
  <si>
    <t>ｳｻｷﾞﾓﾁ</t>
  </si>
  <si>
    <t>うさぎもちあんこ餅黒ごまあんながモチパック</t>
  </si>
  <si>
    <t>いなり餅</t>
  </si>
  <si>
    <t>4食入</t>
  </si>
  <si>
    <t>国産生切り餅個包装</t>
  </si>
  <si>
    <t>ご飯こしひかり</t>
  </si>
  <si>
    <t>夢つくし無菌パックご飯</t>
  </si>
  <si>
    <t>東福岡米穀協同組合</t>
  </si>
  <si>
    <t>ﾋｶﾞｼﾌｸｵｶ</t>
  </si>
  <si>
    <t>北海道産きたゆきもちのお赤飯3食</t>
  </si>
  <si>
    <t>ふっくらごはんが炊けました3個パック</t>
  </si>
  <si>
    <t>180g×3</t>
  </si>
  <si>
    <t>新潟県産こしひかり</t>
  </si>
  <si>
    <t>200g×3</t>
  </si>
  <si>
    <t>ドリームズファーム</t>
  </si>
  <si>
    <t>ﾄﾞﾘｰﾑｽﾞﾌｧｰ</t>
  </si>
  <si>
    <t>低温製法米のおいしいごはん国産米</t>
  </si>
  <si>
    <t>120g×10PP</t>
  </si>
  <si>
    <t>ピザソース</t>
  </si>
  <si>
    <t>タコソースマイルド</t>
  </si>
  <si>
    <t>西本貿易</t>
  </si>
  <si>
    <t>ｵ-ﾙﾄﾞｴﾙﾊﾟｿ</t>
  </si>
  <si>
    <t>タコソースホット</t>
  </si>
  <si>
    <t>タコソースミディアム</t>
  </si>
  <si>
    <t>タコシーズニング</t>
  </si>
  <si>
    <t>タコスキット</t>
  </si>
  <si>
    <t>308g</t>
  </si>
  <si>
    <t>Ｗｉｓｍｅｔｔａｃフーズ</t>
  </si>
  <si>
    <t>ｵｰﾙﾄﾞｴﾙﾊﾟｿ</t>
  </si>
  <si>
    <t>タコシェル</t>
  </si>
  <si>
    <t>フラワートルティーヤ</t>
  </si>
  <si>
    <t>326g</t>
  </si>
  <si>
    <t>すぐ旨カップオートミールかきたま</t>
  </si>
  <si>
    <t>25.8g</t>
  </si>
  <si>
    <t>すぐ旨カップオートミール鶏白湯</t>
  </si>
  <si>
    <t>24.9g</t>
  </si>
  <si>
    <t>スープdeごはんさけ茶漬け</t>
  </si>
  <si>
    <t>66.6g</t>
  </si>
  <si>
    <t>スープdeごはん鶏しお雑炊</t>
  </si>
  <si>
    <t>70.3g</t>
  </si>
  <si>
    <t>カップ入りお茶づけ海苔</t>
  </si>
  <si>
    <t>29.4g</t>
  </si>
  <si>
    <t>カップ入りさけ茶づけ</t>
  </si>
  <si>
    <t>28.2g</t>
  </si>
  <si>
    <t>タイライスヌードルトムヤムクン</t>
  </si>
  <si>
    <t>63.1g</t>
  </si>
  <si>
    <t>１００Ｐｉｎｅ</t>
  </si>
  <si>
    <t>100Pine</t>
  </si>
  <si>
    <t>タイライスヌードルカオソーイ</t>
  </si>
  <si>
    <t>68.1g</t>
  </si>
  <si>
    <t>完全メシカレーメシ欧風カレー</t>
  </si>
  <si>
    <t>完全メシ汁なしカップヌードル</t>
  </si>
  <si>
    <t>完全メシカップヌードル汁なしシーフードヌードル</t>
  </si>
  <si>
    <t>日清カレーメシ欧風ビーフ</t>
  </si>
  <si>
    <t>ハヤシメシデミグラス</t>
  </si>
  <si>
    <t>カレーメシシーフード</t>
  </si>
  <si>
    <t>キーマカレーメシスパイシー</t>
  </si>
  <si>
    <t>カップヌードルぶっこみ飯</t>
  </si>
  <si>
    <t>チキンラーメンぶっこみ飯</t>
  </si>
  <si>
    <t>親子丼ごはん付き</t>
  </si>
  <si>
    <t>五穀ごはん海鮮あんかけ</t>
  </si>
  <si>
    <t>レンジdeビューン世界のごはん旅パエリア</t>
  </si>
  <si>
    <t>幸南食糧</t>
  </si>
  <si>
    <t>ｺｳﾅﾝｼｮｸﾘｮｳ</t>
  </si>
  <si>
    <t>レンジdeビューン世界のごはん旅ナシゴレン</t>
  </si>
  <si>
    <t>濃厚旨辛海鮮チゲ粥</t>
  </si>
  <si>
    <t>はくばく</t>
  </si>
  <si>
    <t>ﾊｸﾊﾞｸ</t>
  </si>
  <si>
    <t>じっくり煮込んだ牛骨コムタン粥</t>
  </si>
  <si>
    <t>韓飯レンジdeクッパカルビクッパ</t>
  </si>
  <si>
    <t>171.4g</t>
  </si>
  <si>
    <t>韓飯レンジdeクッパ牛骨コムタン</t>
  </si>
  <si>
    <t>DONBURI亭牛丼</t>
  </si>
  <si>
    <t>DONBURI亭中華丼</t>
  </si>
  <si>
    <t>DONBURI亭親子丼</t>
  </si>
  <si>
    <t>DONBURI亭すき焼き丼</t>
  </si>
  <si>
    <t>DONBURI亭カレー南蛮丼</t>
  </si>
  <si>
    <t>どんぶり党親子丼</t>
  </si>
  <si>
    <t>どんぶり党中華丼</t>
  </si>
  <si>
    <t>495g</t>
  </si>
  <si>
    <t>うちのごはんやみつきガーリックふっくらチキン</t>
  </si>
  <si>
    <t>うちのごはん香味ねぎだれふっくらチキン</t>
  </si>
  <si>
    <t>うちのごはん肉おかずの素トマトチキン</t>
  </si>
  <si>
    <t>うちのごはんじゃがチキンのりバター醤油</t>
  </si>
  <si>
    <t>うちのごはん鶏なすタンドリー</t>
  </si>
  <si>
    <t>スチーミー豚チャーシュー用</t>
  </si>
  <si>
    <t>本日の逸品広東風麻婆豆腐</t>
  </si>
  <si>
    <t>うちのごはんおそうざいの素なすのみぞれ炒め</t>
  </si>
  <si>
    <t>うちのごはん豚バラなすの焦がしガーリック</t>
  </si>
  <si>
    <t>うちのごはんキャベツごま味噌</t>
  </si>
  <si>
    <t>うちのごはんなすとピーマンの香味しょうゆ</t>
  </si>
  <si>
    <t>うちのごはんおそうざいの素ブロッコリーとキャベツの塩ガーリック</t>
  </si>
  <si>
    <t>うちのごはん豚バラもやしのごま担々</t>
  </si>
  <si>
    <t>うちのごはん和風オムレツ</t>
  </si>
  <si>
    <t>うちのごはんおそうざいの素厚揚げのみぞれ煮</t>
  </si>
  <si>
    <t>うちのごはん豚大根の旨辛煮</t>
  </si>
  <si>
    <t>うちのごはん白菜のうま煮</t>
  </si>
  <si>
    <t>ちょっとぞうすい鮭</t>
  </si>
  <si>
    <t>ちょっとぞうすいカニ</t>
  </si>
  <si>
    <t>ちょっとぞうすい梅ひじき</t>
  </si>
  <si>
    <t>3袋</t>
  </si>
  <si>
    <t>ﾋｶﾞｼﾏ</t>
  </si>
  <si>
    <t>すし太郎黒酢入り4人前</t>
  </si>
  <si>
    <t>錦糸たまご</t>
  </si>
  <si>
    <t>地鶏釜めしの素</t>
  </si>
  <si>
    <t>215g</t>
  </si>
  <si>
    <t>山菜五目釜めしの素</t>
  </si>
  <si>
    <t>駿河湾しらすごはん</t>
  </si>
  <si>
    <t>とりごぼう釜めしの素</t>
  </si>
  <si>
    <t>九州4尺2本_1800</t>
  </si>
  <si>
    <t>CookDoオイスタープラボトル</t>
  </si>
  <si>
    <t>菜館輪切り唐辛子</t>
  </si>
  <si>
    <t>菜館赤唐辛子パウダー</t>
  </si>
  <si>
    <t>菜館花椒パウダー</t>
  </si>
  <si>
    <t>菜館八角</t>
  </si>
  <si>
    <t>菜館クコの実</t>
  </si>
  <si>
    <t>菜館松の実</t>
  </si>
  <si>
    <t>ちょっとどんぶり天津飯2P</t>
  </si>
  <si>
    <t>ちょっとどんぶり中華丼2P</t>
  </si>
  <si>
    <t>かに玉の素</t>
  </si>
  <si>
    <t>115.6g</t>
  </si>
  <si>
    <t>岐阜食品</t>
  </si>
  <si>
    <t>ｷﾞﾌｼｮｸﾋﾝ</t>
  </si>
  <si>
    <t>広東風かに玉</t>
  </si>
  <si>
    <t>ニラと玉子の広東炒め</t>
  </si>
  <si>
    <t>町中華肉野菜炒めの素</t>
  </si>
  <si>
    <t>町中華台湾肉もやしの素</t>
  </si>
  <si>
    <t>町中華にら豚の素</t>
  </si>
  <si>
    <t>町中華スタミナ豚キャベツの素</t>
  </si>
  <si>
    <t>えびチャーハンの素</t>
  </si>
  <si>
    <t>黒チャーハンの素香ばししょうゆ味</t>
  </si>
  <si>
    <t>25.5g</t>
  </si>
  <si>
    <t>焼豚五目炒飯の素</t>
  </si>
  <si>
    <t>青椒肉糸の素</t>
  </si>
  <si>
    <t>回鍋肉の素</t>
  </si>
  <si>
    <t>麻婆茄子の素</t>
  </si>
  <si>
    <t>パーポー</t>
  </si>
  <si>
    <t>酢豚の味</t>
  </si>
  <si>
    <t>中華の素酢豚</t>
  </si>
  <si>
    <t>中華の素八宝菜</t>
  </si>
  <si>
    <t>町中華手作り餃子の素</t>
  </si>
  <si>
    <t>クックドゥ四川式回鍋肉</t>
  </si>
  <si>
    <t>麻婆なすの素あっさり</t>
  </si>
  <si>
    <t>麻婆なすの素こってり</t>
  </si>
  <si>
    <t>マボちゃん甘口</t>
  </si>
  <si>
    <t>マボちゃん中辛</t>
  </si>
  <si>
    <t>クックドゥ広東麻婆豆腐</t>
  </si>
  <si>
    <t>CookDoひき肉入り麻婆豆腐用こどもの甘口</t>
  </si>
  <si>
    <t>CookDoひき肉入り麻婆豆腐用みんなの中辛</t>
  </si>
  <si>
    <t>CookDoひき肉入り麻婆豆腐用大人の辛口</t>
  </si>
  <si>
    <t>李錦記四川辣豆板醤</t>
  </si>
  <si>
    <t>四川豆板醤</t>
  </si>
  <si>
    <t>甜麺醤</t>
  </si>
  <si>
    <t>海鮮XO醤</t>
  </si>
  <si>
    <t>33ml</t>
  </si>
  <si>
    <t>元重製陶所</t>
  </si>
  <si>
    <t>ラー油唐辛子入り</t>
  </si>
  <si>
    <t>四川風ラー油</t>
  </si>
  <si>
    <t>李錦記サムジャン</t>
  </si>
  <si>
    <t>李錦記豆鼓醤チューブ入り</t>
  </si>
  <si>
    <t>李錦記麻辣醤</t>
  </si>
  <si>
    <t>中華あじ瓶</t>
  </si>
  <si>
    <t>顆粒鶏丸ごとがらスープ</t>
  </si>
  <si>
    <t>丸ごとガラスープ</t>
  </si>
  <si>
    <t>CookDo香味ペーストやみつきにんにく醤油味</t>
  </si>
  <si>
    <t>シラチャーレッド</t>
  </si>
  <si>
    <t>ハニーマスタードソース</t>
  </si>
  <si>
    <t>265g</t>
  </si>
  <si>
    <t>ｵｯﾄｷﾞ</t>
  </si>
  <si>
    <t>プルコギたれ</t>
  </si>
  <si>
    <t>オンガネジャパン</t>
  </si>
  <si>
    <t>ｵﾝｶﾞﾈｼﾞｬﾊﾟ</t>
  </si>
  <si>
    <t>トッポギ</t>
  </si>
  <si>
    <t>チーズトッポギ</t>
  </si>
  <si>
    <t>料理する韓国餅トッポギ</t>
  </si>
  <si>
    <t>徳山物産</t>
  </si>
  <si>
    <t>ﾄｸﾔﾏﾌﾞｯｻﾝ</t>
  </si>
  <si>
    <t>料理する韓国餅トック</t>
  </si>
  <si>
    <t>ラッポッキ</t>
  </si>
  <si>
    <t>374g</t>
  </si>
  <si>
    <t>東遠ジャパン</t>
  </si>
  <si>
    <t>ﾄﾞﾝｳｫﾝｼﾞｬﾊ</t>
  </si>
  <si>
    <t>菜館参鶏湯の素</t>
  </si>
  <si>
    <t>菜館スンドゥブチゲの素辛口</t>
  </si>
  <si>
    <t>炒めて旨いチャプチェ</t>
  </si>
  <si>
    <t>炒めて旨い塩だれ春雨</t>
  </si>
  <si>
    <t>麻婆タンミョン</t>
  </si>
  <si>
    <t>韓の食菜石焼風ビビンバ</t>
  </si>
  <si>
    <t>韓の食菜チャプチェ</t>
  </si>
  <si>
    <t>五目焼ビーフン鶏ガラ醤油</t>
  </si>
  <si>
    <t>本場大阪お好み焼粉</t>
  </si>
  <si>
    <t>お好み焼こだわりセット2人前</t>
  </si>
  <si>
    <t>131g</t>
  </si>
  <si>
    <t>もんじゃ焼きセット</t>
  </si>
  <si>
    <t>柳屋本店</t>
  </si>
  <si>
    <t>ﾔﾅｷﾞﾔﾎﾝﾃﾝ</t>
  </si>
  <si>
    <t>素材きりいか</t>
  </si>
  <si>
    <t>青のり</t>
  </si>
  <si>
    <t>3.2g</t>
  </si>
  <si>
    <t>お好み焼粉チャック付</t>
  </si>
  <si>
    <t>たこ焼粉チャック付</t>
  </si>
  <si>
    <t>強力小麦粉ゆめちからブレンド</t>
  </si>
  <si>
    <t>ふっくらパンショートニング</t>
  </si>
  <si>
    <t>こんな小麦粉欲しかった</t>
  </si>
  <si>
    <t>日本の小麦粉</t>
  </si>
  <si>
    <t>サクッと仕上がるお米の粉</t>
  </si>
  <si>
    <t>波里</t>
  </si>
  <si>
    <t>ﾅﾐｻﾄ</t>
  </si>
  <si>
    <t>えび入り天かす</t>
  </si>
  <si>
    <t>いか入り天かす</t>
  </si>
  <si>
    <t>マッシュポテト</t>
  </si>
  <si>
    <t>中村製粉</t>
  </si>
  <si>
    <t>ﾅｶﾑﾗｾｲﾌﾝ</t>
  </si>
  <si>
    <t>フライドチキンミックス</t>
  </si>
  <si>
    <t>揚げずにからあげ粉</t>
  </si>
  <si>
    <t>げんきや監修とり天粉</t>
  </si>
  <si>
    <t>米粉の入ったおいしいパン粉</t>
  </si>
  <si>
    <t>大川食品工業</t>
  </si>
  <si>
    <t>ｵｵｶﾜｼｮｸﾋﾝ</t>
  </si>
  <si>
    <t>おいしさ際立つ極上ソフトパン粉</t>
  </si>
  <si>
    <t>フライスター</t>
  </si>
  <si>
    <t>ﾌﾗｲｽﾀ-</t>
  </si>
  <si>
    <t>無添加ソフトパン粉</t>
  </si>
  <si>
    <t>有機栽培小麦国産小麦粉パン粉</t>
  </si>
  <si>
    <t>小麦粉卵いらずのラク揚げパン粉</t>
  </si>
  <si>
    <t>専門店仕様の生パン粉</t>
  </si>
  <si>
    <t>ソフトパン粉</t>
  </si>
  <si>
    <t>三木食品</t>
  </si>
  <si>
    <t>ﾐｷｼｮｸﾋﾝ</t>
  </si>
  <si>
    <t>九州4尺3本_1800九【ｶ・ｹ】</t>
  </si>
  <si>
    <t>干瓢中国産</t>
  </si>
  <si>
    <t>京都産九条ねぎ</t>
  </si>
  <si>
    <t>青森県産にんにくスライス</t>
  </si>
  <si>
    <t>寒天白</t>
  </si>
  <si>
    <t>2本入</t>
  </si>
  <si>
    <t>イケダ食品</t>
  </si>
  <si>
    <t>ｲｹﾀﾞｼｮｸﾋﾝ</t>
  </si>
  <si>
    <t>粉かんてん</t>
  </si>
  <si>
    <t>スープ用糸寒天</t>
  </si>
  <si>
    <t>みわび有機切干大根</t>
  </si>
  <si>
    <t>日本アクセス</t>
  </si>
  <si>
    <t>ﾆﾎﾝｱｸｾｽ</t>
  </si>
  <si>
    <t>宮崎県産切干大根</t>
  </si>
  <si>
    <t>有機切干大根チャック付</t>
  </si>
  <si>
    <t>まるほ食品</t>
  </si>
  <si>
    <t>ﾏﾙﾎ</t>
  </si>
  <si>
    <t>カタギ食品</t>
  </si>
  <si>
    <t>ｶﾀｷﾞｼｮｸﾋﾝ</t>
  </si>
  <si>
    <t>有機いりごま黒</t>
  </si>
  <si>
    <t>有機いりごま金</t>
  </si>
  <si>
    <t>京いりごま大</t>
  </si>
  <si>
    <t>利久胡麻わさびごま</t>
  </si>
  <si>
    <t>だし香るごまあえの素</t>
  </si>
  <si>
    <t>49g</t>
  </si>
  <si>
    <t>粉末ピーナッツ</t>
  </si>
  <si>
    <t>純おいしいねりごま黒</t>
  </si>
  <si>
    <t>いりごま黒</t>
  </si>
  <si>
    <t>すりごま白</t>
  </si>
  <si>
    <t>つきごま白</t>
  </si>
  <si>
    <t>オニザキコーポレーション</t>
  </si>
  <si>
    <t>ｵﾆｻﾞｷCorp</t>
  </si>
  <si>
    <t>本葛入料亭くずきり</t>
  </si>
  <si>
    <t>国産はるさめ</t>
  </si>
  <si>
    <t>国産春雨</t>
  </si>
  <si>
    <t>西日本食品工業</t>
  </si>
  <si>
    <t>ﾆｼﾆﾎﾝｼｮｸﾋﾝ</t>
  </si>
  <si>
    <t>野菜たっぷりみそ汁の具</t>
  </si>
  <si>
    <t>ｻﾝｺｳ</t>
  </si>
  <si>
    <t>使い切り手まり麸</t>
  </si>
  <si>
    <t>カラふル星</t>
  </si>
  <si>
    <t>ﾋﾀﾁﾔﾎﾝﾎﾟ</t>
  </si>
  <si>
    <t>車麩スライス</t>
  </si>
  <si>
    <t>8枚入</t>
  </si>
  <si>
    <t>緑黄野菜麩</t>
  </si>
  <si>
    <t>カルシウム麩</t>
  </si>
  <si>
    <t>仙台麩あぶら麩大</t>
  </si>
  <si>
    <t>山形屋商店</t>
  </si>
  <si>
    <t>ﾔﾏｶﾞﾀﾔ</t>
  </si>
  <si>
    <t>国内産小麦京手焼麸</t>
  </si>
  <si>
    <t>アンパンマン高野豆腐</t>
  </si>
  <si>
    <t>新あさひ豆腐1/150サイズ</t>
  </si>
  <si>
    <t>ダイズラボ大豆肉乾燥ミンチ</t>
  </si>
  <si>
    <t>こうや豆腐はねだし1/2カット</t>
  </si>
  <si>
    <t>ﾄｷﾜ</t>
  </si>
  <si>
    <t>こうや豆腐10枚ポリ</t>
  </si>
  <si>
    <t>椎茸スライス</t>
  </si>
  <si>
    <t>日本産きくらげ</t>
  </si>
  <si>
    <t>日本産きくらげスライス</t>
  </si>
  <si>
    <t>椎茸こうしん</t>
  </si>
  <si>
    <t>九州産乾椎茸徳用･無選別</t>
  </si>
  <si>
    <t>あずき水煮</t>
  </si>
  <si>
    <t>ゆであずき低甘味</t>
  </si>
  <si>
    <t>さくらあんJAところお赤飯の素</t>
  </si>
  <si>
    <t>北海道素材100%使用つぶあん</t>
  </si>
  <si>
    <t>ＴＴＣフーズ</t>
  </si>
  <si>
    <t>TTCﾌｰｽﾞ</t>
  </si>
  <si>
    <t>北海道素材100%使用こしあん</t>
  </si>
  <si>
    <t>カナダ産小豆</t>
  </si>
  <si>
    <t>契約栽培手より小豆</t>
  </si>
  <si>
    <t>中長鶉豆</t>
  </si>
  <si>
    <t>白花豆</t>
  </si>
  <si>
    <t>北海道産大豆の水煮</t>
  </si>
  <si>
    <t>ﾆﾎﾝﾚﾄﾙﾄ</t>
  </si>
  <si>
    <t>国産だんご粉</t>
  </si>
  <si>
    <t>前原製粉</t>
  </si>
  <si>
    <t>ﾏｴﾊﾗｾｲﾌﾝ</t>
  </si>
  <si>
    <t>国産白玉粉</t>
  </si>
  <si>
    <t>国産もち粉</t>
  </si>
  <si>
    <t>国産上新粉</t>
  </si>
  <si>
    <t>わらびもち粉</t>
  </si>
  <si>
    <t>国採りきな粉</t>
  </si>
  <si>
    <t>京きな粉</t>
  </si>
  <si>
    <t>黒豆きな粉</t>
  </si>
  <si>
    <t>黒ごまアーモンドきなこ</t>
  </si>
  <si>
    <t>幸田商店</t>
  </si>
  <si>
    <t>ｺｳﾀﾞｼｮｳﾃﾝ</t>
  </si>
  <si>
    <t>黒胡麻きな粉</t>
  </si>
  <si>
    <t>1kg</t>
  </si>
  <si>
    <t>彩粉さらさら片栗粉</t>
  </si>
  <si>
    <t>九州4尺1本_1800九・西　●</t>
  </si>
  <si>
    <t>国産あおさ</t>
  </si>
  <si>
    <t>国産青のり</t>
  </si>
  <si>
    <t>青海苔ビン</t>
  </si>
  <si>
    <t>焼すしはね一番</t>
  </si>
  <si>
    <t>焼きのり</t>
  </si>
  <si>
    <t>3切30枚</t>
  </si>
  <si>
    <t>有明海産味のり</t>
  </si>
  <si>
    <t>3切40枚入</t>
  </si>
  <si>
    <t>有明海産塩のり</t>
  </si>
  <si>
    <t>3切24枚入</t>
  </si>
  <si>
    <t>味付のり卓上無添加</t>
  </si>
  <si>
    <t>8切56枚入</t>
  </si>
  <si>
    <t>有明海産若摘み味付のり</t>
  </si>
  <si>
    <t>10切60枚</t>
  </si>
  <si>
    <t>かね岩海苔</t>
  </si>
  <si>
    <t>ｶﾈｲﾜﾉﾘ</t>
  </si>
  <si>
    <t>有明海産減塩味付のり</t>
  </si>
  <si>
    <t>くまモンの味のり</t>
  </si>
  <si>
    <t>木村海苔</t>
  </si>
  <si>
    <t>ｷﾑﾗﾉﾘ</t>
  </si>
  <si>
    <t>6切5枚8袋</t>
  </si>
  <si>
    <t>根昆布入り昆布粉末</t>
  </si>
  <si>
    <t>九州4尺2本海苔なし1800九・西●</t>
  </si>
  <si>
    <t>根昆布</t>
  </si>
  <si>
    <t>おしゃぶり昆布</t>
  </si>
  <si>
    <t>ﾏｴｼﾞﾏ</t>
  </si>
  <si>
    <t>おでんむすび昆布</t>
  </si>
  <si>
    <t>26g</t>
  </si>
  <si>
    <t>きざみ昆布</t>
  </si>
  <si>
    <t>フジッコ</t>
  </si>
  <si>
    <t>ﾌｼﾞｯｺ</t>
  </si>
  <si>
    <t>野菜たっぷり味噌汁の具</t>
  </si>
  <si>
    <t>芽ひじき中国産</t>
  </si>
  <si>
    <t>国内産カットわかめ</t>
  </si>
  <si>
    <t>三陸産カットわかめ</t>
  </si>
  <si>
    <t>減塩ふじっ子</t>
  </si>
  <si>
    <t>塩こんぶ特大</t>
  </si>
  <si>
    <t>純とろ大袋</t>
  </si>
  <si>
    <t>純とろ超徳用袋</t>
  </si>
  <si>
    <t>塩こんぶ超徳用</t>
  </si>
  <si>
    <t>減塩塩こんぶ超徳用</t>
  </si>
  <si>
    <t>日高昆布</t>
  </si>
  <si>
    <t>早煮昆布</t>
  </si>
  <si>
    <t>泉利昆布海産</t>
  </si>
  <si>
    <t>ｲｽﾞﾘｺﾝﾌﾞ</t>
  </si>
  <si>
    <t>削り粉</t>
  </si>
  <si>
    <t>だしはこれ</t>
  </si>
  <si>
    <t>サカモト</t>
  </si>
  <si>
    <t>干しえび</t>
  </si>
  <si>
    <t>無添加食べるかえりいりこ</t>
  </si>
  <si>
    <t>塩無添加健康食べる小魚</t>
  </si>
  <si>
    <t>塩無添加健康にぼし</t>
  </si>
  <si>
    <t>やみつきごはんふりかけ</t>
  </si>
  <si>
    <t>プレ節25ミクロンソフト削り</t>
  </si>
  <si>
    <t>めっちゃ使える花かつお</t>
  </si>
  <si>
    <t>プレ節ソフトけずり</t>
  </si>
  <si>
    <t>1.2g×12</t>
  </si>
  <si>
    <t>味立て上手ソフト削り</t>
  </si>
  <si>
    <t>2g×10p</t>
  </si>
  <si>
    <t>直火焼本かつおパック</t>
  </si>
  <si>
    <t>2g×8</t>
  </si>
  <si>
    <t>直火焼本かつお入りだし用削り</t>
  </si>
  <si>
    <t>すぐ旨カップみそ汁海苔あおさ</t>
  </si>
  <si>
    <t>9.6g</t>
  </si>
  <si>
    <t>すぐ旨カップみそ汁とろろ昆布</t>
  </si>
  <si>
    <t>9.9g</t>
  </si>
  <si>
    <t>カップ入生タイプゆうげ</t>
  </si>
  <si>
    <t>カップ入生みそタイプみそ汁ひるげ</t>
  </si>
  <si>
    <t>いつものおみそ汁贅沢なめこ</t>
  </si>
  <si>
    <t>いつものおみそ汁贅沢とうふ</t>
  </si>
  <si>
    <t>10.5g</t>
  </si>
  <si>
    <t>いつものおみそ汁贅沢豚汁</t>
  </si>
  <si>
    <t>12.5g</t>
  </si>
  <si>
    <t>いつものおみそ汁贅沢しじみ赤だし</t>
  </si>
  <si>
    <t>いつものおみそ汁贅沢海苔</t>
  </si>
  <si>
    <t>7.5ｇ</t>
  </si>
  <si>
    <t>ｱﾏﾉﾌｰｽﾞ</t>
  </si>
  <si>
    <t>毎日のおみそ汁5種のバラエティー減塩</t>
  </si>
  <si>
    <t>毎日みそ汁豚汁入り</t>
  </si>
  <si>
    <t>うちのおみそ汁赤だしなめことわかめ</t>
  </si>
  <si>
    <t>減塩いつものおみそ汁5食バラエティセット</t>
  </si>
  <si>
    <t>44.5g</t>
  </si>
  <si>
    <t>お徳用顆粒アソート</t>
  </si>
  <si>
    <t>79g</t>
  </si>
  <si>
    <t>1杯でしじみ70個分のちからみそ汁塩分控えめ</t>
  </si>
  <si>
    <t>生みそずいひきわり納豆汁3食</t>
  </si>
  <si>
    <t>46.5g</t>
  </si>
  <si>
    <t>1杯でしじみ70個分のちからみそ汁減塩</t>
  </si>
  <si>
    <t>64.8g</t>
  </si>
  <si>
    <t>1杯でしじみ70個分のちからお吸いもの</t>
  </si>
  <si>
    <t>料亭の味揚げなす</t>
  </si>
  <si>
    <t>料亭の味あおさ新お徳用6食</t>
  </si>
  <si>
    <t>赤だしみそ汁</t>
  </si>
  <si>
    <t>おいしいねコクが自慢のとん汁</t>
  </si>
  <si>
    <t>神州一味噌</t>
  </si>
  <si>
    <t>ｼﾝｼｭｳｲﾁﾐｿ</t>
  </si>
  <si>
    <t>箱入り生みそタイプ12食みそ汁</t>
  </si>
  <si>
    <t>142.8g</t>
  </si>
  <si>
    <t>箱入り生みそタイプ12食みそ汁減塩</t>
  </si>
  <si>
    <t>箱入り生みそタイプ徳用24食みそ汁</t>
  </si>
  <si>
    <t>285.6g</t>
  </si>
  <si>
    <t>箱入り生みそタイプ徳用24食みそ汁減塩</t>
  </si>
  <si>
    <t>家族の焼きあごだし茶漬け</t>
  </si>
  <si>
    <t>お茶漬職人粋</t>
  </si>
  <si>
    <t>たらこ茶づけ6袋入</t>
  </si>
  <si>
    <t>わさび茶漬け</t>
  </si>
  <si>
    <t>31.8g</t>
  </si>
  <si>
    <t>ごま油味わかめふりかけ</t>
  </si>
  <si>
    <t>ごま油味わかめふりかけ玉ねぎ入</t>
  </si>
  <si>
    <t>ひろし</t>
  </si>
  <si>
    <t>旅行の友大袋</t>
  </si>
  <si>
    <t>緑黄野菜ふりかけ</t>
  </si>
  <si>
    <t>小魚ふりかけ</t>
  </si>
  <si>
    <t>男梅ふりかけ</t>
  </si>
  <si>
    <t>キミとアイドルプリキュアふりかけミニパック</t>
  </si>
  <si>
    <t>ソフトふりかけ梅ちりめん</t>
  </si>
  <si>
    <t>ソフトふりかけちりめん高菜</t>
  </si>
  <si>
    <t>混ぜ込みわかめさつまいも</t>
  </si>
  <si>
    <t>混ぜ込み赤しそ昆布かつお</t>
  </si>
  <si>
    <t>ごはんにまぜて若菜と鮭</t>
  </si>
  <si>
    <t>ごはんにまぜて若菜と梅しそ</t>
  </si>
  <si>
    <t>ごはんにまぜて若菜とひじき</t>
  </si>
  <si>
    <t>ごはんにまぜて6つの海のめぐみ</t>
  </si>
  <si>
    <t>本かつおNP</t>
  </si>
  <si>
    <t>海苔わさびふりかけNP</t>
  </si>
  <si>
    <t>鮭めんたいふりかけ</t>
  </si>
  <si>
    <t>北海道グラタン4皿分</t>
  </si>
  <si>
    <t>ペンネ</t>
  </si>
  <si>
    <t>ワールドリンクス</t>
  </si>
  <si>
    <t>フジッリ</t>
  </si>
  <si>
    <t>グラタンマカロニ</t>
  </si>
  <si>
    <t>早ゆでハローキティマカロニ</t>
  </si>
  <si>
    <t>Carboffロングパスタ</t>
  </si>
  <si>
    <t>ZENBSPAGHETTI</t>
  </si>
  <si>
    <t>ＺＥＮＢ_ＪＡＰＡＮ</t>
  </si>
  <si>
    <t>スパゲッティーニNO.11</t>
  </si>
  <si>
    <t>ﾃﾞｨﾁｪｺ</t>
  </si>
  <si>
    <t>バリラスパゲッティ1.8mm</t>
  </si>
  <si>
    <t>ﾊﾞﾘﾗ</t>
  </si>
  <si>
    <t>太麺スパゲッティ2.2mm</t>
  </si>
  <si>
    <t>結束スパゲッティ1.5mm</t>
  </si>
  <si>
    <t>結束スパゲッティ1.7mm</t>
  </si>
  <si>
    <t>ポポロスパ7分</t>
  </si>
  <si>
    <t>オーマイプレミアムもちっと結束スパゲッティ1.8mm</t>
  </si>
  <si>
    <t>あえるパスタソースツナマヨ</t>
  </si>
  <si>
    <t>あえるパスタソースガーリックマヨ</t>
  </si>
  <si>
    <t>和えるパスタたらこ</t>
  </si>
  <si>
    <t>23.2g×2P</t>
  </si>
  <si>
    <t>タイヘイ</t>
  </si>
  <si>
    <t>ﾀｲﾍｲ</t>
  </si>
  <si>
    <t>和えるパスタペペロンチーノ</t>
  </si>
  <si>
    <t>25.9g×2P</t>
  </si>
  <si>
    <t>和えるパスタ明太子</t>
  </si>
  <si>
    <t>和えるパスタ和風</t>
  </si>
  <si>
    <t>28.2g×2P</t>
  </si>
  <si>
    <t>和えるパスタソースたらこ5食</t>
  </si>
  <si>
    <t>12.4g×5P</t>
  </si>
  <si>
    <t>和えるパスタソース明太子5食</t>
  </si>
  <si>
    <t>11.9g×5P</t>
  </si>
  <si>
    <t>和えるパスタソースペペロンチーノ5食</t>
  </si>
  <si>
    <t>14.7g×5P</t>
  </si>
  <si>
    <t>あえるパスタソースアラビアータ</t>
  </si>
  <si>
    <t>濃い海老トマトクリーム</t>
  </si>
  <si>
    <t>濃い蟹クリーム</t>
  </si>
  <si>
    <t>大人むけのパスタオマール海老のトマトソース</t>
  </si>
  <si>
    <t>煮込みラーメンしょうゆ味</t>
  </si>
  <si>
    <t>284g</t>
  </si>
  <si>
    <t>九州4尺1本_2100九・西【神崎】</t>
  </si>
  <si>
    <t>煮込みラーメンみそ味</t>
  </si>
  <si>
    <t>288g</t>
  </si>
  <si>
    <t>熊本黒マー油とんこつラメン</t>
  </si>
  <si>
    <t>186g</t>
  </si>
  <si>
    <t>手打風そうめん</t>
  </si>
  <si>
    <t>彩菜そうめん</t>
  </si>
  <si>
    <t>島原手延べそうめん</t>
  </si>
  <si>
    <t>ワンステップ</t>
  </si>
  <si>
    <t>ｼﾏﾊﾞﾗﾃﾉﾍﾞ</t>
  </si>
  <si>
    <t>島の光手延べそうめん</t>
  </si>
  <si>
    <t>小豆島手延素麺協同組合</t>
  </si>
  <si>
    <t>ｼｮｳﾄﾞｼﾏ</t>
  </si>
  <si>
    <t>讃岐ひやむぎ</t>
  </si>
  <si>
    <t>讃岐本舗</t>
  </si>
  <si>
    <t>ｻﾇｷ</t>
  </si>
  <si>
    <t>手打風きしめん</t>
  </si>
  <si>
    <t>手打風うどん</t>
  </si>
  <si>
    <t>讃岐うどん</t>
  </si>
  <si>
    <t>北海道小麦うどん</t>
  </si>
  <si>
    <t>五島手延べうどん</t>
  </si>
  <si>
    <t>浜崎製麺所</t>
  </si>
  <si>
    <t>ﾊﾏｻｷｾｲﾒﾝ</t>
  </si>
  <si>
    <t>田舎うどん</t>
  </si>
  <si>
    <t>半生りつりん印讃岐うどん</t>
  </si>
  <si>
    <t>石丸製麺</t>
  </si>
  <si>
    <t>ｲｼﾏﾙｾｲﾒﾝ</t>
  </si>
  <si>
    <t>田舎そば</t>
  </si>
  <si>
    <t>ぜいたく茶そば</t>
  </si>
  <si>
    <t>はたけなか製麺</t>
  </si>
  <si>
    <t>ﾊﾀｹﾅｶｾｲﾒﾝ</t>
  </si>
  <si>
    <t>信州ほしの新・信州田舎そば小諸七兵衛</t>
  </si>
  <si>
    <t>信州ほしの</t>
  </si>
  <si>
    <t>ｼﾝｼｭｳﾎｼﾉ</t>
  </si>
  <si>
    <t>みわび信州十割そば</t>
  </si>
  <si>
    <t>高原そば</t>
  </si>
  <si>
    <t>おびなた</t>
  </si>
  <si>
    <t>ｵﾋﾞﾅﾀ</t>
  </si>
  <si>
    <t>ニ八そばとろろ入り</t>
  </si>
  <si>
    <t>播磨の里とろろそば</t>
  </si>
  <si>
    <t>東亜食品工業</t>
  </si>
  <si>
    <t>ﾄｳｱ</t>
  </si>
  <si>
    <t>トライアル神埼そば</t>
  </si>
  <si>
    <t>トライアル神埼うどん</t>
  </si>
  <si>
    <t>トライアル神埼そうめん</t>
  </si>
  <si>
    <t>得得盛りひやむぎ</t>
  </si>
  <si>
    <t>うまかっちゃん辛子高菜風味</t>
  </si>
  <si>
    <t>うまかっちゃん濃厚新味1食</t>
  </si>
  <si>
    <t>ShinShin監修炊き出し豚骨らーめん</t>
  </si>
  <si>
    <t>日清焼きそば</t>
  </si>
  <si>
    <t>お椀で食べるカップヌードルシーフード</t>
  </si>
  <si>
    <t>お椀チキンラーメン</t>
  </si>
  <si>
    <t>辛ラーメンキムチ</t>
  </si>
  <si>
    <t>ノグリラーメン</t>
  </si>
  <si>
    <t>ブルダック炒め麺カルボ</t>
  </si>
  <si>
    <t>三養食品</t>
  </si>
  <si>
    <t>ｻﾑﾔﾝｼｮｸﾋﾝ</t>
  </si>
  <si>
    <t>サリ麺太麺</t>
  </si>
  <si>
    <t>110g×5P</t>
  </si>
  <si>
    <t>オットギ</t>
  </si>
  <si>
    <t>日清ラ王柚子しお3食パック</t>
  </si>
  <si>
    <t>279g</t>
  </si>
  <si>
    <t>サッポロ一番麺屋はなび監修台湾まぜそば</t>
  </si>
  <si>
    <t>312g</t>
  </si>
  <si>
    <t>ご当地熱愛麺ShinShin監修炊き出し豚骨らーめん3食パック</t>
  </si>
  <si>
    <t>サッポロ一番ごま味ラーメン</t>
  </si>
  <si>
    <t>505g</t>
  </si>
  <si>
    <t>ハノイのおもてなし鶏だしフォー</t>
  </si>
  <si>
    <t>春雨ヌードル</t>
  </si>
  <si>
    <t>ハノイのおもてなしトムヤムフォー</t>
  </si>
  <si>
    <t>ひかりスープはるさめ中華風かきたま</t>
  </si>
  <si>
    <t>22.1g</t>
  </si>
  <si>
    <t>ひかりスープはるさめトマト担々風</t>
  </si>
  <si>
    <t>24.7g</t>
  </si>
  <si>
    <t>冷え知らずさんの生姜参鶏湯</t>
  </si>
  <si>
    <t>14.1g</t>
  </si>
  <si>
    <t>スープはるさめ鶏白湯</t>
  </si>
  <si>
    <t>選べるスープ春雨スパイシーHOT</t>
  </si>
  <si>
    <t>おいしさ選べるスープ春雨</t>
  </si>
  <si>
    <t>10ｼｮｸ</t>
  </si>
  <si>
    <t>スープはるさめプチパック6食</t>
  </si>
  <si>
    <t>九州4尺5本_1800九</t>
  </si>
  <si>
    <t>サッポロ一番ミニどんぶりバラエティー4食</t>
  </si>
  <si>
    <t>173g</t>
  </si>
  <si>
    <t>ワンタンシーフードスープ味</t>
  </si>
  <si>
    <t>日清焼そばUFO爆盛バーレル</t>
  </si>
  <si>
    <t>223g</t>
  </si>
  <si>
    <t>赤いきつねうどんでか盛</t>
  </si>
  <si>
    <t>緑のたぬき天そばでか盛</t>
  </si>
  <si>
    <t>146g</t>
  </si>
  <si>
    <t>あじわい豚汁うどん</t>
  </si>
  <si>
    <t>カップヌードル欧風チーズカレー</t>
  </si>
  <si>
    <t>QTTAサワークリームオニオン味</t>
  </si>
  <si>
    <t>ホットワンタンしょうゆ</t>
  </si>
  <si>
    <t>あっさりおいしいカップヌードル旨辛シーフード</t>
  </si>
  <si>
    <t>日清カップヌードルチリトマトヌードルビッグ</t>
  </si>
  <si>
    <t>カップヌードルパクチー香るトムヤムクンビッグ</t>
  </si>
  <si>
    <t>博多純情らーめんShinShin炊き出し豚骨らーめんタテビッグ</t>
  </si>
  <si>
    <t>凄麺京都背脂醤油ラーメン</t>
  </si>
  <si>
    <t>ニュータッチ凄麺熟炊き博多とんこつ</t>
  </si>
  <si>
    <t>正麺うま辛担々麺</t>
  </si>
  <si>
    <t>126g</t>
  </si>
  <si>
    <t>一蘭とんこつ</t>
  </si>
  <si>
    <t>一蘭</t>
  </si>
  <si>
    <t>ｲﾁﾗﾝ</t>
  </si>
  <si>
    <t>麺処井の庄辛辛魚らーめん</t>
  </si>
  <si>
    <t>焼豚ラーメンx丸幸ラーメン</t>
  </si>
  <si>
    <t>井手ちゃんぽん</t>
  </si>
  <si>
    <t>ｻﾝﾎﾟ</t>
  </si>
  <si>
    <t>火の国文龍監修濃厚豚骨ラーメン</t>
  </si>
  <si>
    <t>ホットヌードルNEO醤油</t>
  </si>
  <si>
    <t>ホットヌードルNEOはま塩</t>
  </si>
  <si>
    <t>ホットヌードルNEO担担麺</t>
  </si>
  <si>
    <t>麺づくり合わせ味噌</t>
  </si>
  <si>
    <t>味よか隊とんこつラーメン博多</t>
  </si>
  <si>
    <t>麺s味工房旨辛ラーメン</t>
  </si>
  <si>
    <t>とりタレ味</t>
  </si>
  <si>
    <t>九州4尺2本_1800【九】</t>
  </si>
  <si>
    <t>とりしお味</t>
  </si>
  <si>
    <t>牛焼肉タイ産</t>
  </si>
  <si>
    <t>鯨大和煮煮EO缶</t>
  </si>
  <si>
    <t>赤貝味付</t>
  </si>
  <si>
    <t>極洋</t>
  </si>
  <si>
    <t>ｷｮｸﾖｳ</t>
  </si>
  <si>
    <t>にんにくしょうゆ漬け</t>
  </si>
  <si>
    <t>栗甘露煮</t>
  </si>
  <si>
    <t>そばの実なめこ</t>
  </si>
  <si>
    <t>牛タンがゴロっと入った食べるラー油</t>
  </si>
  <si>
    <t>アラ瓶</t>
  </si>
  <si>
    <t>唐がらしのり</t>
  </si>
  <si>
    <t>なめ茸</t>
  </si>
  <si>
    <t>三洋通商</t>
  </si>
  <si>
    <t>きのこ三昧</t>
  </si>
  <si>
    <t>まろやかなめ茸</t>
  </si>
  <si>
    <t>ﾃｰﾌﾞﾙﾗﾝﾄﾞ</t>
  </si>
  <si>
    <t>さばで健康和風トマト味パウチ</t>
  </si>
  <si>
    <t>いわし健康ごまみそ煮</t>
  </si>
  <si>
    <t>さんま蒲焼大根おろし</t>
  </si>
  <si>
    <t>いわし蒲焼</t>
  </si>
  <si>
    <t>北海道のいわし味噌煮</t>
  </si>
  <si>
    <t>北海道のいわし味付</t>
  </si>
  <si>
    <t>北海道のいわし水煮</t>
  </si>
  <si>
    <t>さばみそ煮6号缶</t>
  </si>
  <si>
    <t>さば水煮6号缶</t>
  </si>
  <si>
    <t>ﾜﾝｽﾃｯﾌﾟ</t>
  </si>
  <si>
    <t>さば味付け</t>
  </si>
  <si>
    <t>うずら卵水煮スタンドパック</t>
  </si>
  <si>
    <t>6個</t>
  </si>
  <si>
    <t>カネセイ食品</t>
  </si>
  <si>
    <t>ｶﾈｾｲ</t>
  </si>
  <si>
    <t>サンヨーマッシュルームホールパウチ</t>
  </si>
  <si>
    <t>ｻﾝﾖﾄﾞｳ</t>
  </si>
  <si>
    <t>シャキッとコーンT</t>
  </si>
  <si>
    <t>天然水でつくったシャキッとコーン純</t>
  </si>
  <si>
    <t>スーパースイートコーン</t>
  </si>
  <si>
    <t>100g×3</t>
  </si>
  <si>
    <t>ランチョンミート</t>
  </si>
  <si>
    <t>ﾄﾞﾝｳｫﾝ</t>
  </si>
  <si>
    <t>スパム25%レスソルト</t>
  </si>
  <si>
    <t>ホーメル</t>
  </si>
  <si>
    <t>サーモン中骨水煮</t>
  </si>
  <si>
    <t>あけぼのさけ水煮</t>
  </si>
  <si>
    <t>貝柱ほぐし身EO缶</t>
  </si>
  <si>
    <t>シーチキンSmileマイルド</t>
  </si>
  <si>
    <t>シーチキンSmileオイル不使用マイルド</t>
  </si>
  <si>
    <t>シーチキンSmileLフレーク</t>
  </si>
  <si>
    <t>シーチキンSmile水煮Lフレーク</t>
  </si>
  <si>
    <t>シーチキンSmile食塩不使用マイルド</t>
  </si>
  <si>
    <t>シーチキンSmile純</t>
  </si>
  <si>
    <t>シーチキンマイルド</t>
  </si>
  <si>
    <t>シーチキンLフレーク</t>
  </si>
  <si>
    <t>ライトツナフレークまぐろ食塩不使用</t>
  </si>
  <si>
    <t>ミックスフルーツ缶</t>
  </si>
  <si>
    <t>パインみかん</t>
  </si>
  <si>
    <t>おやつフルーツ</t>
  </si>
  <si>
    <t>甘味あっさりみかん</t>
  </si>
  <si>
    <t>甘みあっさりピーチ黄桃EO缶</t>
  </si>
  <si>
    <t>5号缶</t>
  </si>
  <si>
    <t>さくらんぼ缶</t>
  </si>
  <si>
    <t>朝からフルーツミックスパウチ</t>
  </si>
  <si>
    <t>朝からフルーツみかんパウチ</t>
  </si>
  <si>
    <t>朝からフルーツ白桃パウチ</t>
  </si>
  <si>
    <t>甘みあっさりパイン</t>
  </si>
  <si>
    <t>ホームクッキングチェリー</t>
  </si>
  <si>
    <t>朝からフルーツパイミン</t>
  </si>
  <si>
    <t>朝からフルーツパイン</t>
  </si>
  <si>
    <t>朝からフルーツ黄桃EO缶</t>
  </si>
  <si>
    <t>朝からフルーツみつ豆</t>
  </si>
  <si>
    <t>朝からフルーツ杏仁</t>
  </si>
  <si>
    <t>パインアップル＆マンゴー</t>
  </si>
  <si>
    <t>パインアップル</t>
  </si>
  <si>
    <t>ごろっとみかん</t>
  </si>
  <si>
    <t>フルーツミックス缶</t>
  </si>
  <si>
    <t>国産みかん</t>
  </si>
  <si>
    <t>洋梨</t>
  </si>
  <si>
    <t>マンゴースライス</t>
  </si>
  <si>
    <t>みつ豆</t>
  </si>
  <si>
    <t>大粒みかん</t>
  </si>
  <si>
    <t>アイサンヨー白桃缶</t>
  </si>
  <si>
    <t>クーベルチュールミルク</t>
  </si>
  <si>
    <t>クーベルチュールダーク</t>
  </si>
  <si>
    <t>クーベルチュールホワイト</t>
  </si>
  <si>
    <t>アーモンドスライス</t>
  </si>
  <si>
    <t>フルーツミックス</t>
  </si>
  <si>
    <t>トッピングセット</t>
  </si>
  <si>
    <t>5g×3</t>
  </si>
  <si>
    <t>いちごパウダー</t>
  </si>
  <si>
    <t>ｷｮｳﾘﾂ</t>
  </si>
  <si>
    <t>抹茶パウダー</t>
  </si>
  <si>
    <t>キャンドル</t>
  </si>
  <si>
    <t>ベーキングパウダー</t>
  </si>
  <si>
    <t>4g×8</t>
  </si>
  <si>
    <t>スーパーカメリヤドライイースト</t>
  </si>
  <si>
    <t>毎日使えるスキムミルク</t>
  </si>
  <si>
    <t>ﾕｷｼﾞﾙｼﾒｸﾞﾐ</t>
  </si>
  <si>
    <t>氷みつイチゴ</t>
  </si>
  <si>
    <t>氷みつメロン</t>
  </si>
  <si>
    <t>氷みつハワイアンブルー</t>
  </si>
  <si>
    <t>ストロベリーソース</t>
  </si>
  <si>
    <t>スプレーホイップ</t>
  </si>
  <si>
    <t>ｴﾇｱｲｴｽ</t>
  </si>
  <si>
    <t>クイックミルクチョコレート</t>
  </si>
  <si>
    <t>宝商事</t>
  </si>
  <si>
    <t>ﾌｪﾙﾌｫﾙﾃﾞｨ</t>
  </si>
  <si>
    <t>クイックミルクストロベリー</t>
  </si>
  <si>
    <t>米糀から作った甘酒</t>
  </si>
  <si>
    <t>125ml</t>
  </si>
  <si>
    <t>プラス糀糀甘酒</t>
  </si>
  <si>
    <t>しるこ</t>
  </si>
  <si>
    <t>果肉入りフルーツジュレご褒美白桃4個入り</t>
  </si>
  <si>
    <t>めちゃラクスコーンミックス</t>
  </si>
  <si>
    <t>凍らせて食べるぶどうアイス</t>
  </si>
  <si>
    <t>70GX4</t>
  </si>
  <si>
    <t>ﾀﾆｵ</t>
  </si>
  <si>
    <t>凍らせて食べる白桃アイス</t>
  </si>
  <si>
    <t>フルーチェピーチマスカット</t>
  </si>
  <si>
    <t>フルーチェメロン</t>
  </si>
  <si>
    <t>フルーチェ濃厚ブルーベリーブドウ</t>
  </si>
  <si>
    <t>シャービックイチゴ</t>
  </si>
  <si>
    <t>ゼリエースイチゴ</t>
  </si>
  <si>
    <t>陳健一杏仁豆腐</t>
  </si>
  <si>
    <t>かんてんぱぱ牛乳寒天の素</t>
  </si>
  <si>
    <t>日清ホットケーキミックスチャック付</t>
  </si>
  <si>
    <t>ふわふわパンケーキミックス</t>
  </si>
  <si>
    <t>ケーキのようなホットケーキミックスパティシェ仕立て</t>
  </si>
  <si>
    <t>米粉のパンケーキミックス</t>
  </si>
  <si>
    <t>ｶﾄｳｻﾝｷﾞｮｳ</t>
  </si>
  <si>
    <t>たいまつ米粉100%</t>
  </si>
  <si>
    <t>たいまつ食品</t>
  </si>
  <si>
    <t>ﾀｲﾏﾂｼｮｸﾋﾝ</t>
  </si>
  <si>
    <t>おからパウダー</t>
  </si>
  <si>
    <t>日東昆布茶缶</t>
  </si>
  <si>
    <t>ﾆｯﾄｳｼｮｸﾋﾝ</t>
  </si>
  <si>
    <t>日東果肉うめ昆布茶</t>
  </si>
  <si>
    <t>かんたん抹茶</t>
  </si>
  <si>
    <t>嘉木園</t>
  </si>
  <si>
    <t>ｶｷｴﾝ</t>
  </si>
  <si>
    <t>サッととける知覧抹茶入り緑茶</t>
  </si>
  <si>
    <t>銘葉</t>
  </si>
  <si>
    <t>ﾏﾙｼﾁ</t>
  </si>
  <si>
    <t>おーいお茶さらさら濃い茶</t>
  </si>
  <si>
    <t>さらさらとけるおーいお茶抹茶入り玄米茶</t>
  </si>
  <si>
    <t>さらさらむぎ茶</t>
  </si>
  <si>
    <t>特蒸し緑茶</t>
  </si>
  <si>
    <t>こだわりの深蒸し八女茶</t>
  </si>
  <si>
    <t>大隈製茶</t>
  </si>
  <si>
    <t>ｵｵｸﾏｾｲﾁｬ</t>
  </si>
  <si>
    <t>特上蒸し緑茶</t>
  </si>
  <si>
    <t>一番摘み静岡茶</t>
  </si>
  <si>
    <t>赤堀商店</t>
  </si>
  <si>
    <t>ｱｶﾎﾘｼｮｳﾃﾝ</t>
  </si>
  <si>
    <t>一番摘み知覧茶</t>
  </si>
  <si>
    <t>一番摘み八女茶</t>
  </si>
  <si>
    <t>煎茶黒</t>
  </si>
  <si>
    <t>福岡八女農業協同組合</t>
  </si>
  <si>
    <t>JAﾌｸｵｶﾔﾒ</t>
  </si>
  <si>
    <t>茶匠の誉</t>
  </si>
  <si>
    <t>小柳津清一商店</t>
  </si>
  <si>
    <t>ｵﾔｲｽﾞ</t>
  </si>
  <si>
    <t>ホームサイズ緑茶</t>
  </si>
  <si>
    <t>おーいお茶八女茶</t>
  </si>
  <si>
    <t>八女茶　竹印</t>
  </si>
  <si>
    <t>八女ベンダーサービス</t>
  </si>
  <si>
    <t>八女茶白折</t>
  </si>
  <si>
    <t>伊右衛門抹茶入煎茶</t>
  </si>
  <si>
    <t>九州抹茶入り玄米</t>
  </si>
  <si>
    <t>ほうじ茶</t>
  </si>
  <si>
    <t>ホームサイズほうじ茶</t>
  </si>
  <si>
    <t>神乃舞三角ティーバッグ</t>
  </si>
  <si>
    <t>5g×30P</t>
  </si>
  <si>
    <t>九州限定一番茶入り粉茶</t>
  </si>
  <si>
    <t>九州限定荒づくり番茶</t>
  </si>
  <si>
    <t>九州限定お徳用白折</t>
  </si>
  <si>
    <t>静岡茶工房のおいしいお茶</t>
  </si>
  <si>
    <t>ｱｶﾎﾘ</t>
  </si>
  <si>
    <t>マイボトル用抹茶入り玄米茶ティーバッグ</t>
  </si>
  <si>
    <t>ワンポット玄米茶エコティーバック</t>
  </si>
  <si>
    <t>3.3g×50P</t>
  </si>
  <si>
    <t>はぶ茶</t>
  </si>
  <si>
    <t>はと麦茶延寿袋</t>
  </si>
  <si>
    <t>32袋</t>
  </si>
  <si>
    <t>べっぴん黒豆茶</t>
  </si>
  <si>
    <t>北海道産韃靼そば茶ティーバッグ</t>
  </si>
  <si>
    <t>熊本県産ごぼう茶</t>
  </si>
  <si>
    <t>ﾔｵﾄﾒ</t>
  </si>
  <si>
    <t>有機健康茶</t>
  </si>
  <si>
    <t>3g×33P</t>
  </si>
  <si>
    <t>共栄製茶</t>
  </si>
  <si>
    <t>ｷｮｳｴｲｾｲﾁｬ</t>
  </si>
  <si>
    <t>大阿蘇万能茶</t>
  </si>
  <si>
    <t>村田園</t>
  </si>
  <si>
    <t>ﾑﾗﾀｴﾝ</t>
  </si>
  <si>
    <t>粉末毎日1杯の青汁糖類不使用</t>
  </si>
  <si>
    <t>5.0g×20</t>
  </si>
  <si>
    <t>プレミアムティーバック抹茶入り緑茶</t>
  </si>
  <si>
    <t>1.8g×20P</t>
  </si>
  <si>
    <t>プレミアムティーバックほうじ茶</t>
  </si>
  <si>
    <t>プレミアムティーバック玄米茶</t>
  </si>
  <si>
    <t>2.3g×20P</t>
  </si>
  <si>
    <t>1.8g×50P</t>
  </si>
  <si>
    <t>2.3g×50P</t>
  </si>
  <si>
    <t>一煎用緑茶ティーバッグ</t>
  </si>
  <si>
    <t>1.8gx20P</t>
  </si>
  <si>
    <t>一煎用ほうじ茶ティーバッグ</t>
  </si>
  <si>
    <t>一煎用抹茶入り玄米茶ティーバッグ</t>
  </si>
  <si>
    <t>おーいお茶エコティーバッグほうじ茶</t>
  </si>
  <si>
    <t>ルイボスティー</t>
  </si>
  <si>
    <t>3g×32</t>
  </si>
  <si>
    <t>ヘルシールイボスティーティーバッグ</t>
  </si>
  <si>
    <t>30袋</t>
  </si>
  <si>
    <t>4g×44P</t>
  </si>
  <si>
    <t>台湾烏龍茶</t>
  </si>
  <si>
    <t>1.5g×20</t>
  </si>
  <si>
    <t>Ｔｏｋｙｏ_Ｔｅａ_Ｔｒａｄｉｎｇ</t>
  </si>
  <si>
    <t>TokyoTeaTr</t>
  </si>
  <si>
    <t>桂花烏龍茶</t>
  </si>
  <si>
    <t>ジャスミン茶</t>
  </si>
  <si>
    <t>ジャスミン茶ティーバック</t>
  </si>
  <si>
    <t>まるつぶ麦茶</t>
  </si>
  <si>
    <t>丸粒麦茶</t>
  </si>
  <si>
    <t>べっぴんはと麦茶</t>
  </si>
  <si>
    <t>5.5g×24P</t>
  </si>
  <si>
    <t>お茶屋の胡麻麦茶</t>
  </si>
  <si>
    <t>大内茶園</t>
  </si>
  <si>
    <t>ｵｵｳﾁﾁｬｴﾝ</t>
  </si>
  <si>
    <t>八種配合どくだみ健康茶</t>
  </si>
  <si>
    <t>水出しでおいしい麦茶</t>
  </si>
  <si>
    <t>九州4尺5本_2100九</t>
  </si>
  <si>
    <t>スターバックスプレミアムミックスキャラメルラテ</t>
  </si>
  <si>
    <t>スターバックスプレミアムミックスホワイトモカ</t>
  </si>
  <si>
    <t>しょうが紅茶ティーバッグ箱</t>
  </si>
  <si>
    <t>デイリークラブ6バラエティフルーツ</t>
  </si>
  <si>
    <t>21.6g</t>
  </si>
  <si>
    <t>塩とライチ</t>
  </si>
  <si>
    <t>9.8gx8</t>
  </si>
  <si>
    <t>スティックメイトFアソート</t>
  </si>
  <si>
    <t>スティックメイトVCアソート</t>
  </si>
  <si>
    <t>20ﾎﾝ</t>
  </si>
  <si>
    <t>ほっと安らぐはちみつ紅茶</t>
  </si>
  <si>
    <t>水出しアイスティーアールグレイ</t>
  </si>
  <si>
    <t>4g×12P</t>
  </si>
  <si>
    <t>水出しアイスティーアップルルイボスティー</t>
  </si>
  <si>
    <t>水出しアイスティートロピカルフルーツ</t>
  </si>
  <si>
    <t>水出しアイスティーマスカットグリーン</t>
  </si>
  <si>
    <t>水出しアイスティーはちみつレモン</t>
  </si>
  <si>
    <t>アップルティーバッグ</t>
  </si>
  <si>
    <t>やさしいﾃﾞｶﾌｪ紅茶ｱｰﾙｸﾞﾚｲ</t>
  </si>
  <si>
    <t>10袋入</t>
  </si>
  <si>
    <t>ﾘｮｸﾁｬｾﾝﾀ-</t>
  </si>
  <si>
    <t>ティーブティックやさしいデカフェ紅茶アップル</t>
  </si>
  <si>
    <t>ティーバッグデカフェ紅茶セイロン</t>
  </si>
  <si>
    <t>1.2g×10P</t>
  </si>
  <si>
    <t>ポンパドールペパーミントリーフティーバッグ</t>
  </si>
  <si>
    <t>2.25g×10P</t>
  </si>
  <si>
    <t>ポンパドールローズヒップ＆ハイビスカスティーバッグ</t>
  </si>
  <si>
    <t>3.5g×10P</t>
  </si>
  <si>
    <t>ポンパドールジンジャー＆レモン</t>
  </si>
  <si>
    <t>ﾆﾎﾝﾘｮｸﾁｬ</t>
  </si>
  <si>
    <t>ミルクでつくる宇治抹茶ラテ</t>
  </si>
  <si>
    <t>つぼ市製茶本舗</t>
  </si>
  <si>
    <t>ﾂﾎﾞｲﾁ</t>
  </si>
  <si>
    <t>ミルクでつくる棒ほうじ茶ラテ</t>
  </si>
  <si>
    <t>黒ごまラテ</t>
  </si>
  <si>
    <t>ココア</t>
  </si>
  <si>
    <t>バンホーテンの腸活ココア</t>
  </si>
  <si>
    <t>ネスカフェふわラテアイスラテ</t>
  </si>
  <si>
    <t>おいしいカフェインレスコーヒードリップコク深め</t>
  </si>
  <si>
    <t>有機珈琲カフェインレスモカドリップコーヒー</t>
  </si>
  <si>
    <t>10g×6</t>
  </si>
  <si>
    <t>ゴールドブレンドカフェインレススティックブラック</t>
  </si>
  <si>
    <t>ゴールドブレンドスティックコーヒー</t>
  </si>
  <si>
    <t>ゴールドブレンドコク深めスティックコーヒー</t>
  </si>
  <si>
    <t>ブレンディスティック牛乳でつくるクリーミーカフェオレ</t>
  </si>
  <si>
    <t>7本</t>
  </si>
  <si>
    <t>ブレンディスティック牛乳でつくるクリーミーカフェオレ大人のほろに</t>
  </si>
  <si>
    <t>ブレンディスティック牛乳でつくるクリーミーキャラメルカフェオレ</t>
  </si>
  <si>
    <t>ブレンディスティック牛乳でつくるクリーミーバニラカフェオレ</t>
  </si>
  <si>
    <t>ポーション濃縮コーヒー無糖</t>
  </si>
  <si>
    <t>18gx6</t>
  </si>
  <si>
    <t>ポーション濃縮コーヒー甘さひかえめ</t>
  </si>
  <si>
    <t>ポーション濃縮コーヒーキャラメルオレベース</t>
  </si>
  <si>
    <t>ポーション甘熟苺オレベース</t>
  </si>
  <si>
    <t>20g×6</t>
  </si>
  <si>
    <t>ブレンディポーション抹茶オレベース</t>
  </si>
  <si>
    <t>ポーション濃縮ティー紅茶</t>
  </si>
  <si>
    <t>ブレンディポーションフルーツティー3種の果物ミックス</t>
  </si>
  <si>
    <t>ネスカフェゴールドブレンドポーション無糖</t>
  </si>
  <si>
    <t>ﾈｽﾚﾆﾎﾝ</t>
  </si>
  <si>
    <t>ネスカフェゴールドブレンドポーション甘さひかえめ</t>
  </si>
  <si>
    <t>ネスカフェポーションキャラメルマキアート</t>
  </si>
  <si>
    <t>ネスカフェポーションバニララテ</t>
  </si>
  <si>
    <t>ネスレポーションアールグレイ甘さひかえめ</t>
  </si>
  <si>
    <t>ネスレポーションピーチティーラテ</t>
  </si>
  <si>
    <t>ネスレポーション宇治抹茶ラテ</t>
  </si>
  <si>
    <t>154g</t>
  </si>
  <si>
    <t>ネスカフェ香味焙煎ひとときの贅沢</t>
  </si>
  <si>
    <t>ネスカフェゴールドブレンドスティックコーヒー</t>
  </si>
  <si>
    <t>NGBコク深めスティックコーヒー</t>
  </si>
  <si>
    <t>ブレンディカフェラトリースティック濃厚ミルクカフェラテ</t>
  </si>
  <si>
    <t>ブレンディカフェラトリースティック濃厚キャラメルマキアート</t>
  </si>
  <si>
    <t>16本</t>
  </si>
  <si>
    <t>ブレンディスティックカフェオレ甘さなし</t>
  </si>
  <si>
    <t>ブレンディパーソナルインスタントコーヒー</t>
  </si>
  <si>
    <t>2gx30ﾎﾝ</t>
  </si>
  <si>
    <t>ネスｺｰﾋｰﾃﾝドルチェグストレギュラーブレンド</t>
  </si>
  <si>
    <t>ネスカフェドルチェグストリッチブレンドマグナムパック</t>
  </si>
  <si>
    <t>ネスカフェドルチェグストカフェオレマグナムパック</t>
  </si>
  <si>
    <t>ドルチェグスト専用カプセルモカ</t>
  </si>
  <si>
    <t>ドルチェグストカプセルモーニングブレンド</t>
  </si>
  <si>
    <t>ﾈｽｶﾌｴ</t>
  </si>
  <si>
    <t>ドルチェグストフラットホワイト</t>
  </si>
  <si>
    <t>ドルチェグスミッキーバラエティカプセル</t>
  </si>
  <si>
    <t>16個</t>
  </si>
  <si>
    <t>スターバックスハウスブレンドドルチェグスト専用カプセル</t>
  </si>
  <si>
    <t>スターバッックスキャラメルマキアートドルチェグスト専用</t>
  </si>
  <si>
    <t>ネスカフェエクセラスティックブラック</t>
  </si>
  <si>
    <t>スターバックスカフェモーメントアソート</t>
  </si>
  <si>
    <t>ちょっと贅沢な珈琲店パーソナルインスタントコーヒースペシャルブレ</t>
  </si>
  <si>
    <t>2g×26P</t>
  </si>
  <si>
    <t>ZPICプレミアムグアテマラ最上</t>
  </si>
  <si>
    <t>ZPICプレミアムブラジル最上級</t>
  </si>
  <si>
    <t>ネスカフェアイスエコ＆シス</t>
  </si>
  <si>
    <t>ネスカフェアイススティックブラック</t>
  </si>
  <si>
    <t>ブレンディエスプレッソ袋</t>
  </si>
  <si>
    <t>プレジデント</t>
  </si>
  <si>
    <t>ちょっと贅沢な珈琲店スペシャルブレンド袋</t>
  </si>
  <si>
    <t>ザ･ブレンド114</t>
  </si>
  <si>
    <t>ザ･ブレンド117</t>
  </si>
  <si>
    <t>ちょっと贅沢な珈琲店スペシャルブレンド</t>
  </si>
  <si>
    <t>クリープ袋</t>
  </si>
  <si>
    <t>ﾓﾘﾅｶﾞﾆｭｳｷﾞ</t>
  </si>
  <si>
    <t>マリーム低脂肪袋</t>
  </si>
  <si>
    <t>ブライトスリム袋</t>
  </si>
  <si>
    <t>ペットシュガー</t>
  </si>
  <si>
    <t>4g×50P</t>
  </si>
  <si>
    <t>カップ印角砂糖</t>
  </si>
  <si>
    <t>9gx50個</t>
  </si>
  <si>
    <t>やまと蜂蜜</t>
  </si>
  <si>
    <t>ﾔﾏﾄﾊﾁﾐﾂ</t>
  </si>
  <si>
    <t>クリーミーカフェ40p</t>
  </si>
  <si>
    <t>4.5ML40</t>
  </si>
  <si>
    <t>クリーミーカフェカロリーオフ40p</t>
  </si>
  <si>
    <t>香り豊かなまろやかブレンド</t>
  </si>
  <si>
    <t>匠のドリップコーヒーリッチブレンド</t>
  </si>
  <si>
    <t>ブレンディレギュラーコーヒードリップパックスペシャルブレンド</t>
  </si>
  <si>
    <t>職人の珈琲ドリップビターな味わいのクラシックブレンド</t>
  </si>
  <si>
    <t>CafeLabスペシャルブレンド16P</t>
  </si>
  <si>
    <t>CafeLabモカブレンド16P</t>
  </si>
  <si>
    <t>CafeLabキリマンジャロブレンド16P</t>
  </si>
  <si>
    <t>おいしいオーガニックドリップコーヒー</t>
  </si>
  <si>
    <t>MJBアーミーグリーンドリップコーヒー</t>
  </si>
  <si>
    <t>7g×20P</t>
  </si>
  <si>
    <t>共栄フーズ</t>
  </si>
  <si>
    <t>MJB</t>
  </si>
  <si>
    <t>MJBバラエティパック</t>
  </si>
  <si>
    <t>8g×20P</t>
  </si>
  <si>
    <t>36P</t>
  </si>
  <si>
    <t>スターバックスコーヒーハウスブレンド</t>
  </si>
  <si>
    <t>スターバックスコーヒーｺｰﾋｰﾃﾝベロナ</t>
  </si>
  <si>
    <t>スターバックスコーヒーコロンビア</t>
  </si>
  <si>
    <t>スターバックスディコーヒーテンハウスブレンド</t>
  </si>
  <si>
    <t>スターバックスオリガミハウスブレンド</t>
  </si>
  <si>
    <t>スターバックスオリガミカフェベロナ</t>
  </si>
  <si>
    <t>スターバックスオリガミライトノート</t>
  </si>
  <si>
    <t>スターバックスオリガミディｺｰﾋｰﾃﾝハウス</t>
  </si>
  <si>
    <t>4袋入</t>
  </si>
  <si>
    <t>缶スペシャルブレンド</t>
  </si>
  <si>
    <t>小川プレミアムブレンド粉</t>
  </si>
  <si>
    <t>ゴールドスペシャルアイスコーヒー</t>
  </si>
  <si>
    <t>ColdBrew水淹れアイスコーヒー</t>
  </si>
  <si>
    <t>ゴールドスペシャル水淹れアイスコーヒー</t>
  </si>
  <si>
    <t>スターバックスオリガミアイスコーヒーブレンド</t>
  </si>
  <si>
    <t>ゴールドスペシャルスペシャルブレンド</t>
  </si>
  <si>
    <t>ゴールドスペシャルまろやかブレンド</t>
  </si>
  <si>
    <t>ゴールドスペシャルリッチブレンド</t>
  </si>
  <si>
    <t>職人の珈琲ビターな味わいのクラシックブレンド</t>
  </si>
  <si>
    <t>MJBアーミーグリーン</t>
  </si>
  <si>
    <t>スペシャルブレンド</t>
  </si>
  <si>
    <t>日本ヒルスコーヒー</t>
  </si>
  <si>
    <t>ﾋﾙｽ</t>
  </si>
  <si>
    <t>リッチブレンド</t>
  </si>
  <si>
    <t>キャラメルシナモンシュガー</t>
  </si>
  <si>
    <t>バニラシュガー</t>
  </si>
  <si>
    <t>カカオシュガー</t>
  </si>
  <si>
    <t>ガーリックトーストミックス</t>
  </si>
  <si>
    <t>パパンメロンパン味</t>
  </si>
  <si>
    <t>パパン抹茶ラテ味</t>
  </si>
  <si>
    <t>パン工房カレー</t>
  </si>
  <si>
    <t>パン工房バジル香るピザソース</t>
  </si>
  <si>
    <t>てりやきソース＆マヨ</t>
  </si>
  <si>
    <t>ブルーベリー＆バター風味クリーム</t>
  </si>
  <si>
    <t>はちみつオリゴ＆バター風味</t>
  </si>
  <si>
    <t>ブラック＆ホワイト</t>
  </si>
  <si>
    <t>11gx4</t>
  </si>
  <si>
    <t>ミルキーホイップいちご味</t>
  </si>
  <si>
    <t>カレーパン風トーストスプレッド</t>
  </si>
  <si>
    <t>メロンパン風トーストスプレッド</t>
  </si>
  <si>
    <t>ヴェルデココナッツトーストスプレッド</t>
  </si>
  <si>
    <t>つぶあんトッピング</t>
  </si>
  <si>
    <t>かけるご褒美あん×バター</t>
  </si>
  <si>
    <t>パンにぬるホイップクリームミルク</t>
  </si>
  <si>
    <t>シュガートーストザクザクアップルパイ風味</t>
  </si>
  <si>
    <t>パンにホイップクリームきなこピーナッツ</t>
  </si>
  <si>
    <t>水あめボトル</t>
  </si>
  <si>
    <t>みたらし</t>
  </si>
  <si>
    <t>瀬戸内レモンのレモネード</t>
  </si>
  <si>
    <t>ゆず茶</t>
  </si>
  <si>
    <t>アルゼンチン産純粋はちみつ</t>
  </si>
  <si>
    <t>正栄</t>
  </si>
  <si>
    <t>ｼｮｳｴｲ</t>
  </si>
  <si>
    <t>純粋アカシアはちみつシャインゴールドラベル</t>
  </si>
  <si>
    <t>サクラ印カナダ産純粋はちみつ</t>
  </si>
  <si>
    <t>145G</t>
  </si>
  <si>
    <t>純粋蜂蜜みつばちの恵</t>
  </si>
  <si>
    <t>藤井養蜂場</t>
  </si>
  <si>
    <t>ﾌｼﾞｲﾖｳﾎｳｼﾞ</t>
  </si>
  <si>
    <t>ローヤルゼリー添加はちみつ</t>
  </si>
  <si>
    <t>245g</t>
  </si>
  <si>
    <t>純粋はちみつPUREHONEY</t>
  </si>
  <si>
    <t>ＢＩＨＯＥＮ</t>
  </si>
  <si>
    <t>りんごジャム</t>
  </si>
  <si>
    <t>白桃ジャム</t>
  </si>
  <si>
    <t>カロリーハーフイチゴ</t>
  </si>
  <si>
    <t>カロリーハーフオレンジママレード</t>
  </si>
  <si>
    <t>カロリーハーフブルーベリー</t>
  </si>
  <si>
    <t>スプーンフリーいちご</t>
  </si>
  <si>
    <t>スプーンフリーブルーベリー</t>
  </si>
  <si>
    <t>スプーンフリーオレンジ</t>
  </si>
  <si>
    <t>スプーンフリーりんご</t>
  </si>
  <si>
    <t>まるごと果実りんご</t>
  </si>
  <si>
    <t>100%フルーツストロベリー</t>
  </si>
  <si>
    <t>ｽﾄﾞｼﾞｬﾑ</t>
  </si>
  <si>
    <t>100%フルーツブルーベリー</t>
  </si>
  <si>
    <t>100%フルーツ瀬戸内レモン</t>
  </si>
  <si>
    <t>サンダルフォーストロベリー</t>
  </si>
  <si>
    <t>伊藤忠商事</t>
  </si>
  <si>
    <t>ｻﾝﾀﾞﾙﾌｫ-</t>
  </si>
  <si>
    <t>サンダルフォーブルーベリー</t>
  </si>
  <si>
    <t>アンズジャム</t>
  </si>
  <si>
    <t>3種のフルーツジャム</t>
  </si>
  <si>
    <t>イチジクジャム</t>
  </si>
  <si>
    <t>レモンママレードジャム</t>
  </si>
  <si>
    <t>GREENWOOD手造りいちごジャム</t>
  </si>
  <si>
    <t>GREENWOOD手造りジャムオレンジママレード</t>
  </si>
  <si>
    <t>GREENWOOD手造りジャムブルーベリー</t>
  </si>
  <si>
    <t>二八そば</t>
  </si>
  <si>
    <t>イトメン</t>
  </si>
  <si>
    <t>ｲﾄﾒﾝ</t>
  </si>
  <si>
    <t>三井食品</t>
  </si>
  <si>
    <t>緑茶ティーバッグ</t>
  </si>
  <si>
    <t>サンエー２１</t>
  </si>
  <si>
    <t>81g</t>
  </si>
  <si>
    <t>山口</t>
  </si>
  <si>
    <t>小月店</t>
  </si>
  <si>
    <t>410g</t>
  </si>
  <si>
    <t>中日本氷糖</t>
  </si>
  <si>
    <t>ﾅｶﾆﾎﾝﾋｮｳﾄｳ</t>
  </si>
  <si>
    <t>棒々鶏の素ゴマ風味</t>
  </si>
  <si>
    <t>おかずのり</t>
  </si>
  <si>
    <t>和興商会</t>
  </si>
  <si>
    <t>ﾜｺｳｼｮｳｶｲ</t>
  </si>
  <si>
    <t>正麺醤油</t>
  </si>
  <si>
    <t>555g</t>
  </si>
  <si>
    <t>濃厚熟成本みりんペット</t>
  </si>
  <si>
    <t>九州4尺1本_1800九・西【酒】</t>
  </si>
  <si>
    <t>国産米純米料理酒</t>
  </si>
  <si>
    <t>料理のための清酒米麹二倍仕込450ml</t>
  </si>
  <si>
    <t>タカラ　本みりん　醇良　パウチ</t>
  </si>
  <si>
    <t>タカラ　料理のための清酒　パウチ</t>
  </si>
  <si>
    <t>タカラ本みりん贅沢米麹国産米100%450ml</t>
  </si>
  <si>
    <t>米麹本みりんペット</t>
  </si>
  <si>
    <t>米麹仕込本みりん</t>
  </si>
  <si>
    <t>醇良新味料</t>
  </si>
  <si>
    <t>日の出料理酒</t>
  </si>
  <si>
    <t>九州4尺1本_1800【山口】</t>
  </si>
  <si>
    <t>かおりの蔵彩りゆず</t>
  </si>
  <si>
    <t>九州4尺2本_1800九【山口】</t>
  </si>
  <si>
    <t>瓦そば専用つゆ</t>
  </si>
  <si>
    <t>河村醤油</t>
  </si>
  <si>
    <t>ｶﾜﾑﾗｼｮｳﾕ</t>
  </si>
  <si>
    <t>京風割烹白だし</t>
  </si>
  <si>
    <t>九州4尺1本_2100九・小月･新下関</t>
  </si>
  <si>
    <t>甘露さしみ</t>
  </si>
  <si>
    <t>吟上醤油</t>
  </si>
  <si>
    <t>ヤマニ醤油</t>
  </si>
  <si>
    <t>ﾔﾏﾆｼｮｳﾕ</t>
  </si>
  <si>
    <t>うまくち</t>
  </si>
  <si>
    <t>九州4尺2本_1800九・山口</t>
  </si>
  <si>
    <t>だし入りみそ</t>
  </si>
  <si>
    <t>新庄みそ</t>
  </si>
  <si>
    <t>ｼﾝｼﾞｮｳﾐｿ</t>
  </si>
  <si>
    <t>マルコメ君こうじ</t>
  </si>
  <si>
    <t>新庄みそあまくち麦と米生合わせ</t>
  </si>
  <si>
    <t>芳醇合わせみそ</t>
  </si>
  <si>
    <t>国産大豆無添加あわせみそ</t>
  </si>
  <si>
    <t>あわせみそ</t>
  </si>
  <si>
    <t>ゆず入り金山寺みそ</t>
  </si>
  <si>
    <t>赤味噌</t>
  </si>
  <si>
    <t>麦と米の無添加あわせみそ</t>
  </si>
  <si>
    <t>しろみそ</t>
  </si>
  <si>
    <t>とくぢ味噌</t>
  </si>
  <si>
    <t>ﾄｸﾁﾞﾐｿ</t>
  </si>
  <si>
    <t>カップ合わせみそ</t>
  </si>
  <si>
    <t>合わせみそ</t>
  </si>
  <si>
    <t>マルイチ彦島醸造工場</t>
  </si>
  <si>
    <t>ﾏﾙｲﾁﾋｺｼﾞﾏ</t>
  </si>
  <si>
    <t>上麦みそ</t>
  </si>
  <si>
    <t>上スリみそ</t>
  </si>
  <si>
    <t>夜明け合せみそ</t>
  </si>
  <si>
    <t>母さんの味みそ合わせ味噌</t>
  </si>
  <si>
    <t>ぶちうまいすり芳醇</t>
  </si>
  <si>
    <t>ぶちうまいつぶ芳醇</t>
  </si>
  <si>
    <t>麦すりみそ</t>
  </si>
  <si>
    <t>麦つぶみそ</t>
  </si>
  <si>
    <t>九州4尺1本1800九・西</t>
  </si>
  <si>
    <t>九州4尺1本_1800九</t>
  </si>
  <si>
    <t>T一味唐辛子</t>
  </si>
  <si>
    <t>本きざみわさび</t>
  </si>
  <si>
    <t>旬の香り山椒</t>
  </si>
  <si>
    <t>1.2g</t>
  </si>
  <si>
    <t>七味にんにく</t>
  </si>
  <si>
    <t>味の坊</t>
  </si>
  <si>
    <t>ｱｼﾞﾉﾎﾞｳ</t>
  </si>
  <si>
    <t>七味唐辛子瓶</t>
  </si>
  <si>
    <t>日本ケミファ</t>
  </si>
  <si>
    <t>ﾆﾎﾝｹﾐﾌｧ</t>
  </si>
  <si>
    <t>七味唐辛子缶</t>
  </si>
  <si>
    <t>八幡屋礒五郎</t>
  </si>
  <si>
    <t>ﾔﾜﾀﾔｲｿｺﾞﾛｳ</t>
  </si>
  <si>
    <t>七味</t>
  </si>
  <si>
    <t>七味唐からし</t>
  </si>
  <si>
    <t>コショウ</t>
  </si>
  <si>
    <t>コショー袋入り</t>
  </si>
  <si>
    <t>クッキングコショー</t>
  </si>
  <si>
    <t>共親製菓</t>
  </si>
  <si>
    <t>クッキングあらびきコショー</t>
  </si>
  <si>
    <t>香りソルトメキシカンミックス</t>
  </si>
  <si>
    <t>香りソルトガーリック＆オニオン詰め替え用</t>
  </si>
  <si>
    <t>香りソルトイタリアンハーブミックス袋</t>
  </si>
  <si>
    <t>マジックソルトオリジナル</t>
  </si>
  <si>
    <t>アウトドアスパイスほりにし</t>
  </si>
  <si>
    <t>ﾎﾘﾆｼ</t>
  </si>
  <si>
    <t>マジカルスパイス瓶</t>
  </si>
  <si>
    <t>ライフテック</t>
  </si>
  <si>
    <t>ﾗｲﾌﾃｯｸ</t>
  </si>
  <si>
    <t>馨かおるMasterBlendedSpaice</t>
  </si>
  <si>
    <t>つぶ入りマスタード</t>
  </si>
  <si>
    <t>たらこペースト</t>
  </si>
  <si>
    <t>辛子明太子ペースト</t>
  </si>
  <si>
    <t>青唐辛子にんにく</t>
  </si>
  <si>
    <t>赤唐辛子にんにく</t>
  </si>
  <si>
    <t>ホースラディッシュ</t>
  </si>
  <si>
    <t>料亭生にんにく</t>
  </si>
  <si>
    <t>料亭からし</t>
  </si>
  <si>
    <t>本生きざみわさび</t>
  </si>
  <si>
    <t>本生生わさび</t>
  </si>
  <si>
    <t>ギャバンブーケガルニホール袋</t>
  </si>
  <si>
    <t>ギャバンバジルホール袋</t>
  </si>
  <si>
    <t>ギャバンパセリホール袋</t>
  </si>
  <si>
    <t>ギャバンガラムマサラ袋</t>
  </si>
  <si>
    <t>ギャバンシナモン</t>
  </si>
  <si>
    <t>ギャバンあらびきチリペパー</t>
  </si>
  <si>
    <t>ギャバンカイエンペパーNP</t>
  </si>
  <si>
    <t>ギャバンジンジャーパウダー</t>
  </si>
  <si>
    <t>ロングペパーヒハツ</t>
  </si>
  <si>
    <t>かめや製菓</t>
  </si>
  <si>
    <t>ギャバンカルダモンホール</t>
  </si>
  <si>
    <t>ギャバンタイムホール</t>
  </si>
  <si>
    <t>ギャバン五香粉パウダー</t>
  </si>
  <si>
    <t>ギャバンプロブレンドスパイス</t>
  </si>
  <si>
    <t>ギャバン岩塩＆ペパー</t>
  </si>
  <si>
    <t>ギャバン塩コショー</t>
  </si>
  <si>
    <t>ギャバン塩コショー袋入り</t>
  </si>
  <si>
    <t>スパイスクッキング赤辛もやし</t>
  </si>
  <si>
    <t>スパイスクッキングねぎ塩だれキャベツ</t>
  </si>
  <si>
    <t>6.8g</t>
  </si>
  <si>
    <t>スパイスクッキングチョレギサラダ</t>
  </si>
  <si>
    <t>13.6g</t>
  </si>
  <si>
    <t>スパイスクッキングおつまみきゅうり</t>
  </si>
  <si>
    <t>スパイスクッキングナムル</t>
  </si>
  <si>
    <t>13.2g</t>
  </si>
  <si>
    <t>スパイスクッキングアジアン屋台街ガパオ</t>
  </si>
  <si>
    <t>13.8g</t>
  </si>
  <si>
    <t>スパイスクッキングタコライス</t>
  </si>
  <si>
    <t>スパイスクッキング塩レモンチキン</t>
  </si>
  <si>
    <t>スパイスクッキングタンドリーチキン</t>
  </si>
  <si>
    <t>スパイスクッキングバルメニューアンチョビポテト</t>
  </si>
  <si>
    <t>スパイスクッキングバルメニューブロッコリー</t>
  </si>
  <si>
    <t>11.6g</t>
  </si>
  <si>
    <t>スパイスクッキングバルメニューガーリックシュリンプ</t>
  </si>
  <si>
    <t>スパイスクッキングバルメニュージャーマンポテト</t>
  </si>
  <si>
    <t>スパイスクッキングバルメニューアヒージョ</t>
  </si>
  <si>
    <t>にんにく族アヒージョの素</t>
  </si>
  <si>
    <t>みじん切りねぎ・しょうが・にんにく</t>
  </si>
  <si>
    <t>新潟県産こしひかり白がゆ</t>
  </si>
  <si>
    <t>五穀おかゆ</t>
  </si>
  <si>
    <t>具材と旨味にこだわった鯛ぞうすい</t>
  </si>
  <si>
    <t>具材と旨味にこだわった帆立雑炊</t>
  </si>
  <si>
    <t>旨みだしふんわりたまご玉子ととり雑炊</t>
  </si>
  <si>
    <t>生切り餅</t>
  </si>
  <si>
    <t>ﾊ-ﾄﾌﾙ</t>
  </si>
  <si>
    <t>ふっくらかしわめし3個パック</t>
  </si>
  <si>
    <t>金のいぶき玄米と十五穀ごはん</t>
  </si>
  <si>
    <t>麦ごはん</t>
  </si>
  <si>
    <t>160g×3P</t>
  </si>
  <si>
    <t>はくばく十六穀ごはん</t>
  </si>
  <si>
    <t>へるしごはん炊飯パック150g×3</t>
  </si>
  <si>
    <t>3ｺ</t>
  </si>
  <si>
    <t>ﾍﾙｼｺﾞﾊﾝ</t>
  </si>
  <si>
    <t>新潟県産こしひかりかるく一膳</t>
  </si>
  <si>
    <t>新潟産こしひかり大盛り</t>
  </si>
  <si>
    <t>九州産ヒノヒカリパックご飯150g×3P</t>
  </si>
  <si>
    <t>150g×3p</t>
  </si>
  <si>
    <t>パックご飯あきたこまち</t>
  </si>
  <si>
    <t>180g×6</t>
  </si>
  <si>
    <t>ｱｲﾘｽ</t>
  </si>
  <si>
    <t>九州4尺2本_1800【サプライ】</t>
  </si>
  <si>
    <t>京いりごま</t>
  </si>
  <si>
    <t>擂り立て一番黒</t>
  </si>
  <si>
    <t>黒豆きなこ</t>
  </si>
  <si>
    <t>ﾋﾉｸﾆｼｮｸﾋﾝ</t>
  </si>
  <si>
    <t>九州4尺3本_1800九・【山口・広</t>
  </si>
  <si>
    <t>プルダック炒め麺</t>
  </si>
  <si>
    <t>チャパゲティ</t>
  </si>
  <si>
    <t>カムジャ麺</t>
  </si>
  <si>
    <t>ノグリラーメンマイルド</t>
  </si>
  <si>
    <t>ZUBAAANにんにく旨豚醤油</t>
  </si>
  <si>
    <t>マルちゃんZUBAAAN横浜家系醤油豚骨</t>
  </si>
  <si>
    <t>マルちゃんZUBAAAN博多豚骨ラーメン</t>
  </si>
  <si>
    <t>121g</t>
  </si>
  <si>
    <t>0秒チキンラーメン</t>
  </si>
  <si>
    <t>カレーうどん甘口</t>
  </si>
  <si>
    <t>ZUBAAAN横浜家系醤油豚骨3食</t>
  </si>
  <si>
    <t>130gX3P</t>
  </si>
  <si>
    <t>ZUBAAAN博多豚骨ラーメン3食</t>
  </si>
  <si>
    <t>121g×3P</t>
  </si>
  <si>
    <t>うまかっちゃん黒豚豚骨</t>
  </si>
  <si>
    <t>元祖長浜屋協力豚骨ラーメン</t>
  </si>
  <si>
    <t>88g×5</t>
  </si>
  <si>
    <t>九州4尺3本_1800九・西</t>
  </si>
  <si>
    <t>ナポリエッテ</t>
  </si>
  <si>
    <t>ハコネーゼ海老の旨みたっぷり濃厚トマトクリームソース</t>
  </si>
  <si>
    <t>ハコネーゼゴーダチーズと香味野菜の濃厚ボロネーゼ</t>
  </si>
  <si>
    <t>オーマイレンジでカルボナーラ</t>
  </si>
  <si>
    <t>オーマイレンジでミートソース</t>
  </si>
  <si>
    <t>早ゆでリガティーニマカロニ</t>
  </si>
  <si>
    <t>昔ながらの喫茶店風ナポリタンソース</t>
  </si>
  <si>
    <t>発酵バター風味の濃厚たらこクリーム</t>
  </si>
  <si>
    <t>濃いあえるパスタソースチーズクリーム</t>
  </si>
  <si>
    <t>和パスタ好きのためのゆず醤油</t>
  </si>
  <si>
    <t>49.4g</t>
  </si>
  <si>
    <t>和パスタ好きのためのたらこ</t>
  </si>
  <si>
    <t>24.6g×2P</t>
  </si>
  <si>
    <t>サラマカ5</t>
  </si>
  <si>
    <t>サラダマカロニ</t>
  </si>
  <si>
    <t>早ゆで2分スパゲティ1.4mmチャック付結束</t>
  </si>
  <si>
    <t>九州4尺1本_1800九・小月簡単有</t>
  </si>
  <si>
    <t>九州4尺8本_1800九</t>
  </si>
  <si>
    <t>ワンタン坦々スープ</t>
  </si>
  <si>
    <t>ワンタンとんこつ</t>
  </si>
  <si>
    <t>チャルメラちいかわラーメン醤油味ミニカップ</t>
  </si>
  <si>
    <t>超大盛り焼きそばハーフ＆ハーフ激辛</t>
  </si>
  <si>
    <t>ぶぶか油そば</t>
  </si>
  <si>
    <t>163g</t>
  </si>
  <si>
    <t>マルちゃん正麺カップたらこ味焼そば</t>
  </si>
  <si>
    <t>マルちゃん焼そば</t>
  </si>
  <si>
    <t>一平ちゃん夜店の焼そばやみつき塩だれ味</t>
  </si>
  <si>
    <t>一平ちゃん夜店の焼きそば大盛</t>
  </si>
  <si>
    <t>凄麺ねぎみその逸品</t>
  </si>
  <si>
    <t>133g</t>
  </si>
  <si>
    <t>鳥取ゴールド牛骨ラーメン</t>
  </si>
  <si>
    <t>名店の味桂花熊本マー油豚骨</t>
  </si>
  <si>
    <t>ニュータッチ凄麺長崎ちゃんぽん</t>
  </si>
  <si>
    <t>天外天監修豚骨ラーメン</t>
  </si>
  <si>
    <t>QTTAしょうゆ味</t>
  </si>
  <si>
    <t>QTTAトマトクリーム味</t>
  </si>
  <si>
    <t>QTTAシビレ麻辣湯麺</t>
  </si>
  <si>
    <t>カップヌードル辛麺</t>
  </si>
  <si>
    <t>お鍋にラーメン</t>
  </si>
  <si>
    <t>九州4尺2本_2100九　【山口】</t>
  </si>
  <si>
    <t>マルボシ中華そば</t>
  </si>
  <si>
    <t>星野物産</t>
  </si>
  <si>
    <t>ﾎｼﾉﾌﾞｯｻﾝ</t>
  </si>
  <si>
    <t>アベックラーメントンコツ</t>
  </si>
  <si>
    <t>アベックラーメン</t>
  </si>
  <si>
    <t>日田風焼そば</t>
  </si>
  <si>
    <t>362g</t>
  </si>
  <si>
    <t>五木庵そば</t>
  </si>
  <si>
    <t>161g</t>
  </si>
  <si>
    <t>長崎皿うどんオイスターソース</t>
  </si>
  <si>
    <t>皿うどん白湯風味</t>
  </si>
  <si>
    <t>煮込みチャンポン風まろやか白湯</t>
  </si>
  <si>
    <t>286g</t>
  </si>
  <si>
    <t>角鍋焼ちゃんぽん</t>
  </si>
  <si>
    <t>鍋焼すき焼風うどん</t>
  </si>
  <si>
    <t>鍋焼きつねうどん</t>
  </si>
  <si>
    <t>鍋焼えび天うどん</t>
  </si>
  <si>
    <t>得得盛りうどん</t>
  </si>
  <si>
    <t>半田手延べそうめん</t>
  </si>
  <si>
    <t>阿波半田手延べ</t>
  </si>
  <si>
    <t>ｱﾜﾊﾝﾀﾞﾃﾉﾍﾞ</t>
  </si>
  <si>
    <t>讃岐そうめん</t>
  </si>
  <si>
    <t>島原手延そうめん</t>
  </si>
  <si>
    <t>普賢</t>
  </si>
  <si>
    <t>ﾌｹﾞﾝ</t>
  </si>
  <si>
    <t>かも川_一番のばし手延うどん</t>
  </si>
  <si>
    <t>かも川手延素麺</t>
  </si>
  <si>
    <t>ｶﾓｶﾞﾜｿｳﾒﾝ</t>
  </si>
  <si>
    <t>うどん県のうどん</t>
  </si>
  <si>
    <t>讃岐物産</t>
  </si>
  <si>
    <t>ｻﾇｷﾌﾞｯｻﾝ</t>
  </si>
  <si>
    <t>国産芳純讃岐うどん</t>
  </si>
  <si>
    <t>かじの国産の十割そば</t>
  </si>
  <si>
    <t>山本かじの</t>
  </si>
  <si>
    <t>ﾔﾏﾓﾄｶｼﾞﾉ</t>
  </si>
  <si>
    <t>十割芯せいろ</t>
  </si>
  <si>
    <t>ｶｼﾞﾉ</t>
  </si>
  <si>
    <t>じっくりコトコトBISTRO仕立てデミグラススープ</t>
  </si>
  <si>
    <t>29.6g</t>
  </si>
  <si>
    <t>とろけるおぼろ豆腐純豆腐スープ</t>
  </si>
  <si>
    <t>とろけるおぼろ豆腐まろっと豆乳スープ</t>
  </si>
  <si>
    <t>クノールカップ栗かぼちゃのポタージュ</t>
  </si>
  <si>
    <t>56.4g</t>
  </si>
  <si>
    <t>ポケモンコーンクリーム</t>
  </si>
  <si>
    <t>53.1g</t>
  </si>
  <si>
    <t>じっくりコトコトこんがりパン濃厚かぼちゃポタージュ</t>
  </si>
  <si>
    <t>じっくりコトコトこんがりパン濃厚コーンポタージュ</t>
  </si>
  <si>
    <t>58.5g</t>
  </si>
  <si>
    <t>おむすび屋さんねぎ塩</t>
  </si>
  <si>
    <t>おむすび屋さんごま豆乳</t>
  </si>
  <si>
    <t>おむすび屋さんうま辛チゲ</t>
  </si>
  <si>
    <t>福福彩菜四川風旨辛麻婆春雨</t>
  </si>
  <si>
    <t>福福彩菜広東風濃い旨五目春雨</t>
  </si>
  <si>
    <t>札幌らーめん信玄監修コク味噌ワンタンスープ</t>
  </si>
  <si>
    <t>大砲ラーメン監修とんこつワンタンスープ</t>
  </si>
  <si>
    <t>マルちゃん素材のチカラめかぶスープ5P</t>
  </si>
  <si>
    <t>4.7g×5</t>
  </si>
  <si>
    <t>わかめスープ焙煎ごま</t>
  </si>
  <si>
    <t>わかめスープ焼肉屋さんのユッケジャンスープ</t>
  </si>
  <si>
    <t>しじみわかめスープファミリー</t>
  </si>
  <si>
    <t>8袋</t>
  </si>
  <si>
    <t>ごまわかめスープわくわくファミリーパック</t>
  </si>
  <si>
    <t>粉末毎日1杯の青汁豆乳ミックス</t>
  </si>
  <si>
    <t>6.3g×20</t>
  </si>
  <si>
    <t>さらさらとけるすっきり香ばしいごぼう茶</t>
  </si>
  <si>
    <t>さらさらとける濃く香るヘルシールイボスティー</t>
  </si>
  <si>
    <t>さらさらとけるおいしく大豆イソフラボン黒豆茶</t>
  </si>
  <si>
    <t>さらさらとけるRelaxジャスミンティー</t>
  </si>
  <si>
    <t>さらさらほうじ茶</t>
  </si>
  <si>
    <t>お~いお茶さらさら濃い茶</t>
  </si>
  <si>
    <t>おーいお茶さらさら緑茶</t>
  </si>
  <si>
    <t>トライアル煎茶ティーパック</t>
  </si>
  <si>
    <t>有機粉末まるごと茶カテキン</t>
  </si>
  <si>
    <t>おーいお茶宇治抹茶</t>
  </si>
  <si>
    <t>若竹園</t>
  </si>
  <si>
    <t>ﾜｶﾀｹｴﾝ</t>
  </si>
  <si>
    <t>ホームサイズ玄米茶</t>
  </si>
  <si>
    <t>あらびき黒胡椒ガーリック</t>
  </si>
  <si>
    <t>23.1g</t>
  </si>
  <si>
    <t>西関東</t>
  </si>
  <si>
    <t>安中店</t>
  </si>
  <si>
    <t>小型関東3尺2本_2100</t>
  </si>
  <si>
    <t>味噌ラーメン5食</t>
  </si>
  <si>
    <t>塩ラーメン5食</t>
  </si>
  <si>
    <t>カルボブルダック炒め麺5食</t>
  </si>
  <si>
    <t>140g×5P</t>
  </si>
  <si>
    <t>チャルメラみそラーメン</t>
  </si>
  <si>
    <t>サッポロ一番しょう油ラーメン</t>
  </si>
  <si>
    <t>小型関東3尺6本_2100</t>
  </si>
  <si>
    <t>凄麺佐野ラーメン</t>
  </si>
  <si>
    <t>ごつ盛り天ぷらそば</t>
  </si>
  <si>
    <t>114g</t>
  </si>
  <si>
    <t>ごつ盛りきつねうどん</t>
  </si>
  <si>
    <t>ビッグわかめしょう油ラー</t>
  </si>
  <si>
    <t>大黒食品工業</t>
  </si>
  <si>
    <t>ﾀﾞｲｺｸｼｮｸﾋﾝ</t>
  </si>
  <si>
    <t>麺づくり鶏だし塩</t>
  </si>
  <si>
    <t>どん兵衛天ぷらそば</t>
  </si>
  <si>
    <t>緑のたぬき天そば東</t>
  </si>
  <si>
    <t>赤いきつねうどん東</t>
  </si>
  <si>
    <t>41g×5P</t>
  </si>
  <si>
    <t>焼そばバゴーン</t>
  </si>
  <si>
    <t>関東3尺2本_2100</t>
  </si>
  <si>
    <t>切り餅シングルパックミニ</t>
  </si>
  <si>
    <t>ふっくらとり釜めし3個パック</t>
  </si>
  <si>
    <t>低温製法米のおいしいごはん青天の霹靂角型</t>
  </si>
  <si>
    <t>ふっくらごはん</t>
  </si>
  <si>
    <t>ジャパン・パックラ</t>
  </si>
  <si>
    <t>ｼﾞｬﾊﾟﾝﾊﾟｯｸ</t>
  </si>
  <si>
    <t>関東3尺2本_1800</t>
  </si>
  <si>
    <t>LEZZELスパゲッティ</t>
  </si>
  <si>
    <t>だるま白石温麺</t>
  </si>
  <si>
    <t>白石興産</t>
  </si>
  <si>
    <t>ｼﾛｲｼｺｳｻﾝ</t>
  </si>
  <si>
    <t>得得盛りそうめん</t>
  </si>
  <si>
    <t>華色そうめん</t>
  </si>
  <si>
    <t>ﾄｳｱｼｮｸﾋﾝ</t>
  </si>
  <si>
    <t>手延冷麦</t>
  </si>
  <si>
    <t>島原手延素麺</t>
  </si>
  <si>
    <t>葵フーズ</t>
  </si>
  <si>
    <t>ｱｵｲﾌｰｽﾞ</t>
  </si>
  <si>
    <t>なつ喜</t>
  </si>
  <si>
    <t>ﾅﾂｷ</t>
  </si>
  <si>
    <t>へぎそば自慢ののどごし</t>
  </si>
  <si>
    <t>自然芋そば</t>
  </si>
  <si>
    <t>ｼﾞﾈﾝｼﾞｭｿﾊﾞ</t>
  </si>
  <si>
    <t>うちたての味半生神州そば</t>
  </si>
  <si>
    <t>柄木田製粉</t>
  </si>
  <si>
    <t>ｶﾗｷﾀｾｲﾌﾝ</t>
  </si>
  <si>
    <t>黒い太切り八割蕎麦</t>
  </si>
  <si>
    <t>ｶﾗｷﾀﾞｾｲﾌﾝ</t>
  </si>
  <si>
    <t>蕎麦通のそば</t>
  </si>
  <si>
    <t>おびなた更科八割そば</t>
  </si>
  <si>
    <t>そばの極み国産八割そば</t>
  </si>
  <si>
    <t>伝統の二八そば</t>
  </si>
  <si>
    <t>４束戸隠そば</t>
  </si>
  <si>
    <t>山形とびきりそば</t>
  </si>
  <si>
    <t>小川製麺所</t>
  </si>
  <si>
    <t>戸隠高原そば</t>
  </si>
  <si>
    <t>味川柳ざるそば</t>
  </si>
  <si>
    <t>茂野製麺</t>
  </si>
  <si>
    <t>ｼｹﾞﾉｾｲﾒﾝ</t>
  </si>
  <si>
    <t>味川柳とろろそば</t>
  </si>
  <si>
    <t>支那そば</t>
  </si>
  <si>
    <t>244g</t>
  </si>
  <si>
    <t>凄麺そばの逸品鴨だしそば</t>
  </si>
  <si>
    <t>凄麺スンドゥブチゲうどん</t>
  </si>
  <si>
    <t>手織里うどん</t>
  </si>
  <si>
    <t>国産小麦まるごと細うどん</t>
  </si>
  <si>
    <t>稲庭手作り饂飩かんざし</t>
  </si>
  <si>
    <t>後文</t>
  </si>
  <si>
    <t>ｺﾞﾌﾞﾝ</t>
  </si>
  <si>
    <t>上州手振りうどん</t>
  </si>
  <si>
    <t>食用色素赤</t>
  </si>
  <si>
    <t>食用色素黄</t>
  </si>
  <si>
    <t>食用色素緑</t>
  </si>
  <si>
    <t>大宮糧食工業</t>
  </si>
  <si>
    <t>ｵｵﾐﾔﾘｮｳｼｮｸ</t>
  </si>
  <si>
    <t>三幸</t>
  </si>
  <si>
    <t>はちみつシロップ</t>
  </si>
  <si>
    <t>30秒でわらびもち</t>
  </si>
  <si>
    <t>凍らせて食べるみかんアイス</t>
  </si>
  <si>
    <t>果肉入りフルーツジュレ贅沢みかん4個入り</t>
  </si>
  <si>
    <t>ご当地くだものフルーチェ福島県産あかつき桃</t>
  </si>
  <si>
    <t>ご当地くだものフルーチェ瀬戸内広島レモン</t>
  </si>
  <si>
    <t>フルーチェミックスベリー</t>
  </si>
  <si>
    <t>プチタルト</t>
  </si>
  <si>
    <t>9個入</t>
  </si>
  <si>
    <t>めちゃラクカスタードクリームミックス</t>
  </si>
  <si>
    <t>めちゃラクレンジケーキミックス</t>
  </si>
  <si>
    <t>モントンスポンジケーキミックス</t>
  </si>
  <si>
    <t>トースターで簡単ふんわりパンミックス</t>
  </si>
  <si>
    <t>ｼﾖｳﾜｻﾝｷﾞｮｳ</t>
  </si>
  <si>
    <t>蒸しパンミックス</t>
  </si>
  <si>
    <t>グルテンフリーホットケーキミックス</t>
  </si>
  <si>
    <t>熊本製粉</t>
  </si>
  <si>
    <t>ｸﾏﾓﾄｾｲﾌﾝ</t>
  </si>
  <si>
    <t>小型関東3尺1本_2100</t>
  </si>
  <si>
    <t>鹿児島県産ごぼう茶ティーバッグ</t>
  </si>
  <si>
    <t>2g×18P</t>
  </si>
  <si>
    <t>玉露園</t>
  </si>
  <si>
    <t>ｷﾞｮｸﾛｴﾝ</t>
  </si>
  <si>
    <t>韃靼そば茶ティーバッグ</t>
  </si>
  <si>
    <t>6.0g×14袋入</t>
  </si>
  <si>
    <t>北海道産100%黒豆茶ティーバッグ</t>
  </si>
  <si>
    <t>8g×52p</t>
  </si>
  <si>
    <t>伊福穀粉工場</t>
  </si>
  <si>
    <t>ｲﾌｸｺｸﾌﾝ</t>
  </si>
  <si>
    <t>宇治の御抹茶</t>
  </si>
  <si>
    <t>新茶の香り特選</t>
  </si>
  <si>
    <t>新茶の香り朝露</t>
  </si>
  <si>
    <t>朝霧茶</t>
  </si>
  <si>
    <t>味自慢の狭山茶</t>
  </si>
  <si>
    <t>トクトク煎茶</t>
  </si>
  <si>
    <t>農家の緑茶</t>
  </si>
  <si>
    <t>宇治抹茶入り玄米茶</t>
  </si>
  <si>
    <t>アールグレイ紅茶</t>
  </si>
  <si>
    <t>小型関東3尺5本_2100</t>
  </si>
  <si>
    <t>ハーブティーバラエティパック</t>
  </si>
  <si>
    <t>8個</t>
  </si>
  <si>
    <t>ｶﾀｵｶﾌﾞﾂｻﾝ</t>
  </si>
  <si>
    <t>馬印角砂糖小粒</t>
  </si>
  <si>
    <t>パールボーシュガー</t>
  </si>
  <si>
    <t>5g×80P</t>
  </si>
  <si>
    <t>5g×20</t>
  </si>
  <si>
    <t>ブライトスリム</t>
  </si>
  <si>
    <t>ブライト</t>
  </si>
  <si>
    <t>ゴールドブレンドカフェインハーフ</t>
  </si>
  <si>
    <t>ゴールドブレンドｺｰﾋｰﾃﾝインレス</t>
  </si>
  <si>
    <t>ネスカフェゴールドブレンドカフェインハー</t>
  </si>
  <si>
    <t>ネスカフェアイスブレンド</t>
  </si>
  <si>
    <t>ネスカフェホイップタイムフローラルミルクティーラテ</t>
  </si>
  <si>
    <t>ブレンディスティックカフェオレやすらぎのカフェインレス</t>
  </si>
  <si>
    <t>ネスカフェドルチェグスト専用カプセルリッチブレンドカフェインレス</t>
  </si>
  <si>
    <t>16p</t>
  </si>
  <si>
    <t>モンカフェモカブレンド</t>
  </si>
  <si>
    <t>匠のドリップコーヒーモカブレンド</t>
  </si>
  <si>
    <t>直火焙煎ドリップ</t>
  </si>
  <si>
    <t>ﾊｳｽｷﾞﾔﾊﾞﾝ</t>
  </si>
  <si>
    <t>直火焼銀のクリームシチュールー</t>
  </si>
  <si>
    <t>カルボシチュー</t>
  </si>
  <si>
    <t>シチューミクスクリーム濃厚仕立て</t>
  </si>
  <si>
    <t>小型関東3尺2本_1800</t>
  </si>
  <si>
    <t>ザ･ホテル･カレー香りの中辛</t>
  </si>
  <si>
    <t>まいにちおいしい銀座カリー中辛</t>
  </si>
  <si>
    <t>アンパンマンミニパックハヤシポーク</t>
  </si>
  <si>
    <t>関東・小型3尺1本1800簡単無</t>
  </si>
  <si>
    <t>関東3尺1本_1800</t>
  </si>
  <si>
    <t>きざみバジル</t>
  </si>
  <si>
    <t>ブラックペパーパウダー</t>
  </si>
  <si>
    <t>香りソルトレモンペパーミックス袋入り</t>
  </si>
  <si>
    <t>スパイスクッキングバルメニューアンチョビ</t>
  </si>
  <si>
    <t>12.8g</t>
  </si>
  <si>
    <t>スパイスクッキングたたききゅうり</t>
  </si>
  <si>
    <t>5.8g×2P</t>
  </si>
  <si>
    <t>スパイスクッキングアボカドと豆腐のサラダ</t>
  </si>
  <si>
    <t>6.2g</t>
  </si>
  <si>
    <t>スパイスクッキングローズマリーチキン</t>
  </si>
  <si>
    <t>7.6g</t>
  </si>
  <si>
    <t>及兵</t>
  </si>
  <si>
    <t>スパイスクッキングチキンのハーブ焼き</t>
  </si>
  <si>
    <t>8.40g</t>
  </si>
  <si>
    <t>菊正宗酒造</t>
  </si>
  <si>
    <t>スパイスクッキングステーキ</t>
  </si>
  <si>
    <t>かねきち</t>
  </si>
  <si>
    <t>スパイスクッキングハンバーグ</t>
  </si>
  <si>
    <t>大一商店</t>
  </si>
  <si>
    <t>つめかえパック味付塩こしょう</t>
  </si>
  <si>
    <t>味付あらびき塩コショー</t>
  </si>
  <si>
    <t>味付け塩こしょう</t>
  </si>
  <si>
    <t>味付け荒挽き塩こしょう</t>
  </si>
  <si>
    <t>小型関東3尺4本_1800</t>
  </si>
  <si>
    <t>いか味付缶</t>
  </si>
  <si>
    <t>天長食品工業</t>
  </si>
  <si>
    <t>ﾃﾝﾁｮｳｼｮｸﾋﾝ</t>
  </si>
  <si>
    <t>つぼ焼風味</t>
  </si>
  <si>
    <t>いわしで健康しょうが煮パウチ</t>
  </si>
  <si>
    <t>さばで健康大根おろし煮</t>
  </si>
  <si>
    <t>鯛みそ</t>
  </si>
  <si>
    <t>はごろも煮減塩（レ）</t>
  </si>
  <si>
    <t>まぐろフレーク味付EO缶</t>
  </si>
  <si>
    <t>まぐろステーキ</t>
  </si>
  <si>
    <t>さんま蒲焼き</t>
  </si>
  <si>
    <t>さんま蒲焼EO缶</t>
  </si>
  <si>
    <t>30×2P</t>
  </si>
  <si>
    <t>田原缶詰</t>
  </si>
  <si>
    <t>ﾀﾜﾗｶﾝﾂﾞﾒ</t>
  </si>
  <si>
    <t>ちょうした国産いわし醤油煮EO缶</t>
  </si>
  <si>
    <t>アンチョビーフイレ</t>
  </si>
  <si>
    <t>明治屋</t>
  </si>
  <si>
    <t>ﾒｲｼﾞﾔ</t>
  </si>
  <si>
    <t>のっけるふりかけ鮭明太</t>
  </si>
  <si>
    <t>のっけるふりかけ和風ツナマヨ</t>
  </si>
  <si>
    <t>謹製鯛みそ</t>
  </si>
  <si>
    <t>酒悦</t>
  </si>
  <si>
    <t>ｼｭｴﾂ</t>
  </si>
  <si>
    <t>HCマッシュルームランダムスライス国産</t>
  </si>
  <si>
    <t>レッドキドニー</t>
  </si>
  <si>
    <t>とりささみフレーク</t>
  </si>
  <si>
    <t>いなばカレーバターチキン</t>
  </si>
  <si>
    <t>いなばカレーグリーン</t>
  </si>
  <si>
    <t>チキンとタイカレーイエロー</t>
  </si>
  <si>
    <t>チキンとタイカレーグリーン</t>
  </si>
  <si>
    <t>やきとり塩レモン味</t>
  </si>
  <si>
    <t>花しいたけ</t>
  </si>
  <si>
    <t>磯じまん</t>
  </si>
  <si>
    <t>ｲｿｼﾞﾏﾝ</t>
  </si>
  <si>
    <t>ごはんですよスティック</t>
  </si>
  <si>
    <t>8g×8本入</t>
  </si>
  <si>
    <t>減塩アラスバウト</t>
  </si>
  <si>
    <t>甘みあっさりパイミン</t>
  </si>
  <si>
    <t>ナタデココ</t>
  </si>
  <si>
    <t>ドール</t>
  </si>
  <si>
    <t>ﾄﾞｰﾙ</t>
  </si>
  <si>
    <t>パイン＆ナタデココ</t>
  </si>
  <si>
    <t>生みそ汁みそ汁定食</t>
  </si>
  <si>
    <t>お吸いもの松茸風味業務用</t>
  </si>
  <si>
    <t>鶏スープ</t>
  </si>
  <si>
    <t>13.5g</t>
  </si>
  <si>
    <t>生みそタイプみそ汁ゆうげ</t>
  </si>
  <si>
    <t>1杯でしじみ70個分のちからみそ汁</t>
  </si>
  <si>
    <t>FDらくらくみそ汁</t>
  </si>
  <si>
    <t>61.8g</t>
  </si>
  <si>
    <t>キノコを食べるみそ汁</t>
  </si>
  <si>
    <t>3ｼｮｸ</t>
  </si>
  <si>
    <t>生みそずいなめこ汁</t>
  </si>
  <si>
    <t>料亭の味しじみ</t>
  </si>
  <si>
    <t>20g×6P</t>
  </si>
  <si>
    <t>料亭の味あさり</t>
  </si>
  <si>
    <t>フリーズドライひるげ</t>
  </si>
  <si>
    <t>いつものおみそ汁5食バラエティセット</t>
  </si>
  <si>
    <t>お徳用顆粒減塩アソート</t>
  </si>
  <si>
    <t>お徳用FD顆粒あおさとしじみ</t>
  </si>
  <si>
    <t>ふりかけ詰め合せ40袋</t>
  </si>
  <si>
    <t>ニチフリ食品</t>
  </si>
  <si>
    <t>ﾆﾁﾌﾘｼｮｸﾋﾝ</t>
  </si>
  <si>
    <t>マギーブイヨン</t>
  </si>
  <si>
    <t>ﾏｷﾞｰ</t>
  </si>
  <si>
    <t>6食入</t>
  </si>
  <si>
    <t>カレーうどんスープ</t>
  </si>
  <si>
    <t>天然だしの素パック</t>
  </si>
  <si>
    <t>鰹だしあご入り</t>
  </si>
  <si>
    <t>8g×8P</t>
  </si>
  <si>
    <t>ほんだしいりこだし</t>
  </si>
  <si>
    <t>ほんだし焼きあごだし</t>
  </si>
  <si>
    <t>だしの素</t>
  </si>
  <si>
    <t>204g</t>
  </si>
  <si>
    <t>小型関東3尺3本_1800</t>
  </si>
  <si>
    <t>粉末寒天</t>
  </si>
  <si>
    <t>4g×5P</t>
  </si>
  <si>
    <t>角寒天短縮白</t>
  </si>
  <si>
    <t>季節を手作りさらしあん</t>
  </si>
  <si>
    <t>川光物産</t>
  </si>
  <si>
    <t>ｶﾜﾐﾂﾌﾞｯｻﾝ</t>
  </si>
  <si>
    <t>ポップコーン</t>
  </si>
  <si>
    <t>宮城県産ひたし豆</t>
  </si>
  <si>
    <t>虎屋産業</t>
  </si>
  <si>
    <t>ﾄﾗﾔｻﾝｷﾞｮｳ</t>
  </si>
  <si>
    <t>ｻﾝｴｰ21</t>
  </si>
  <si>
    <t>輸入ささげ</t>
  </si>
  <si>
    <t>赤飯用大納言小豆</t>
  </si>
  <si>
    <t>ｶﾜﾐﾂｼｮｳｼﾞ</t>
  </si>
  <si>
    <t>棒麸</t>
  </si>
  <si>
    <t>喜多屋焼麸製造所</t>
  </si>
  <si>
    <t>ｷﾀﾔｾｲｿﾞｳ</t>
  </si>
  <si>
    <t>きざみ庄内麩</t>
  </si>
  <si>
    <t>常陸屋花麩</t>
  </si>
  <si>
    <t>手まり麩</t>
  </si>
  <si>
    <t>豆麸</t>
  </si>
  <si>
    <t>車麩</t>
  </si>
  <si>
    <t>野菜ミックス麩</t>
  </si>
  <si>
    <t>常陸屋山芋粉入り焼麩</t>
  </si>
  <si>
    <t>大分県産香信</t>
  </si>
  <si>
    <t>大分県椎茸農業協同組合</t>
  </si>
  <si>
    <t>OSK</t>
  </si>
  <si>
    <t>国産香信椎茸</t>
  </si>
  <si>
    <t>国産どんこ椎茸</t>
  </si>
  <si>
    <t>大分県産どんこ</t>
  </si>
  <si>
    <t>国産肉厚椎茸</t>
  </si>
  <si>
    <t>日本産徳用椎茸</t>
  </si>
  <si>
    <t>白鳥印国産かんぴょう</t>
  </si>
  <si>
    <t>かんぴょう中国産</t>
  </si>
  <si>
    <t>新あさひ豆腐5個入ポリ</t>
  </si>
  <si>
    <t>5個入</t>
  </si>
  <si>
    <t>ショートタイプマロニーちゃん</t>
  </si>
  <si>
    <t>塩くらげ</t>
  </si>
  <si>
    <t>小型関東3尺2本_1800●</t>
  </si>
  <si>
    <t>さっぱりおいしい海草サラダ</t>
  </si>
  <si>
    <t>味噌汁の具朝の汁</t>
  </si>
  <si>
    <t>べんりわかめ</t>
  </si>
  <si>
    <t>カットわかめ90g</t>
  </si>
  <si>
    <t>カットわかめ27g</t>
  </si>
  <si>
    <t>松前漬</t>
  </si>
  <si>
    <t>谷貝食品工業</t>
  </si>
  <si>
    <t>ﾔｶﾞｲｼｮｸﾋﾝ</t>
  </si>
  <si>
    <t>キョウワ</t>
  </si>
  <si>
    <t>ｷｮｳﾜ</t>
  </si>
  <si>
    <t>早煮こんぶ</t>
  </si>
  <si>
    <t>知床産羅臼昆布</t>
  </si>
  <si>
    <t>礼文島産利尻昆布</t>
  </si>
  <si>
    <t>道南産真昆布</t>
  </si>
  <si>
    <t>熟成煮干し混合</t>
  </si>
  <si>
    <t>瀬戸内海産煮干し</t>
  </si>
  <si>
    <t>石丸弥蔵商店</t>
  </si>
  <si>
    <t>ｲｼﾏﾙﾔｿﾞｳ</t>
  </si>
  <si>
    <t>フレッシュパックソフト</t>
  </si>
  <si>
    <t>4.5g×8P</t>
  </si>
  <si>
    <t>にんべん</t>
  </si>
  <si>
    <t>ﾆﾝﾍﾞﾝ</t>
  </si>
  <si>
    <t>かつおソフト削り</t>
  </si>
  <si>
    <t>2g×16P</t>
  </si>
  <si>
    <t>かつおパック</t>
  </si>
  <si>
    <t>直火焼本かつお厚削り</t>
  </si>
  <si>
    <t>関東・小型関東3尺2本_1800●</t>
  </si>
  <si>
    <t>国産あおさ粉</t>
  </si>
  <si>
    <t>味もみのり</t>
  </si>
  <si>
    <t>きざみのり</t>
  </si>
  <si>
    <t>国内産きざみのり</t>
  </si>
  <si>
    <t>焼きざみ</t>
  </si>
  <si>
    <t>漁師のまかない海苔</t>
  </si>
  <si>
    <t>前田屋</t>
  </si>
  <si>
    <t>ﾏｴﾀﾞﾔ</t>
  </si>
  <si>
    <t>九州有明海産焼おにぎり</t>
  </si>
  <si>
    <t>3ｷﾚ20ﾏｲ</t>
  </si>
  <si>
    <t>おむすびのり</t>
  </si>
  <si>
    <t>3切35枚入</t>
  </si>
  <si>
    <t>減塩味付けのり12束</t>
  </si>
  <si>
    <t>12切5枚入12P</t>
  </si>
  <si>
    <t>味付おかず海苔</t>
  </si>
  <si>
    <t>8切6枚入8P</t>
  </si>
  <si>
    <t>国産味付けおかずのり</t>
  </si>
  <si>
    <t>8切8枚入8P</t>
  </si>
  <si>
    <t>味付けのり</t>
  </si>
  <si>
    <t>12切5枚入30P</t>
  </si>
  <si>
    <t>瀬戸内海産おにぎらず塩のり</t>
  </si>
  <si>
    <t>全型7枚入</t>
  </si>
  <si>
    <t>手巻パーティ</t>
  </si>
  <si>
    <t>2切24枚入</t>
  </si>
  <si>
    <t>手巻のり</t>
  </si>
  <si>
    <t>16ﾏｲ</t>
  </si>
  <si>
    <t>瀬戸内海産すしはね焼のり</t>
  </si>
  <si>
    <t>オクマツシマ</t>
  </si>
  <si>
    <t>10枚入</t>
  </si>
  <si>
    <t>渡辺海苔店</t>
  </si>
  <si>
    <t>ﾜﾀﾅﾍﾞﾉﾘﾃﾝ</t>
  </si>
  <si>
    <t>重等級原料使用焼のり</t>
  </si>
  <si>
    <t>全型8枚入</t>
  </si>
  <si>
    <t>浅草焼海苔</t>
  </si>
  <si>
    <t>全形7枚</t>
  </si>
  <si>
    <t>丸木屋</t>
  </si>
  <si>
    <t>ﾏﾙｷﾔ</t>
  </si>
  <si>
    <t>潮の恵焼のり</t>
  </si>
  <si>
    <t>有明海産焼のり</t>
  </si>
  <si>
    <t>全形25枚入</t>
  </si>
  <si>
    <t>ハナショウブ</t>
  </si>
  <si>
    <t>10切72枚</t>
  </si>
  <si>
    <t>卓上味のり</t>
  </si>
  <si>
    <t>10切80枚</t>
  </si>
  <si>
    <t>ｻﾝﾐｰﾙ</t>
  </si>
  <si>
    <t>黄金天ぷら粉</t>
  </si>
  <si>
    <t>材料3つの無添加パン粉</t>
  </si>
  <si>
    <t>チャック付ほそめパン粉</t>
  </si>
  <si>
    <t>ローストパン粉</t>
  </si>
  <si>
    <t>お弁当用中濃ソース</t>
  </si>
  <si>
    <t>10g×10P</t>
  </si>
  <si>
    <t>かけるデミグラスソース</t>
  </si>
  <si>
    <t>本格お好みソース</t>
  </si>
  <si>
    <t>本格焼そばソース</t>
  </si>
  <si>
    <t>本格たこ焼ソース</t>
  </si>
  <si>
    <t>塩分50%カット中濃ソース</t>
  </si>
  <si>
    <t>中濃ソース</t>
  </si>
  <si>
    <t>とんかつソース</t>
  </si>
  <si>
    <t>ウスターソース</t>
  </si>
  <si>
    <t>ブルドックとんかつソース</t>
  </si>
  <si>
    <t>デリシャスソースウスター</t>
  </si>
  <si>
    <t>デリシャスソース中濃</t>
  </si>
  <si>
    <t>デリシャスソースとんかつ</t>
  </si>
  <si>
    <t>Jソース</t>
  </si>
  <si>
    <t>十勝豚丼のたれ</t>
  </si>
  <si>
    <t>275g</t>
  </si>
  <si>
    <t>ソラチ</t>
  </si>
  <si>
    <t>ｿﾗﾁ</t>
  </si>
  <si>
    <t>ローストビーフソース</t>
  </si>
  <si>
    <t>水牛食品</t>
  </si>
  <si>
    <t>ｽｲｷﾞｭｳ</t>
  </si>
  <si>
    <t>てりやきのたれ</t>
  </si>
  <si>
    <t>すき焼専科</t>
  </si>
  <si>
    <t>すき焼のたれ</t>
  </si>
  <si>
    <t>麻布十番三幸園焼肉のたれ醤油</t>
  </si>
  <si>
    <t>盛田</t>
  </si>
  <si>
    <t>ﾓﾘﾀｼｮｳﾕ</t>
  </si>
  <si>
    <t>極旨にんにく塩だれ</t>
  </si>
  <si>
    <t>550g</t>
  </si>
  <si>
    <t>焼肉のタレ甘口</t>
  </si>
  <si>
    <t>焼肉のタレしょう油</t>
  </si>
  <si>
    <t>小型関東3尺1本_1800</t>
  </si>
  <si>
    <t>ルビーノカットトマト缶</t>
  </si>
  <si>
    <t>ルビーノホールトマト缶</t>
  </si>
  <si>
    <t>関東・小型3尺2本1800</t>
  </si>
  <si>
    <t>牛角チョレギドレッシング</t>
  </si>
  <si>
    <t>牛角にんにく塩ドレッシング</t>
  </si>
  <si>
    <t>キャベツのうまたれ</t>
  </si>
  <si>
    <t>久原醤油</t>
  </si>
  <si>
    <t>ｸﾊﾞﾗｼｮｳﾕ</t>
  </si>
  <si>
    <t>日向夏ドレッシング</t>
  </si>
  <si>
    <t>ミツイシ</t>
  </si>
  <si>
    <t>ﾐﾂｲｼ</t>
  </si>
  <si>
    <t>チョレギのタレ</t>
  </si>
  <si>
    <t>小型関東3尺1本1800【DRUG】</t>
  </si>
  <si>
    <t>黒砂糖粉末</t>
  </si>
  <si>
    <t>沖縄純黒糖波照間産</t>
  </si>
  <si>
    <t>ゆうな物産</t>
  </si>
  <si>
    <t>ﾕｳﾅﾌﾞｯｻﾝ</t>
  </si>
  <si>
    <t>ビート糖粉末</t>
  </si>
  <si>
    <t>山口製糖</t>
  </si>
  <si>
    <t>ﾔﾏｸﾞﾁｾｲﾄｳ</t>
  </si>
  <si>
    <t>中双糖</t>
  </si>
  <si>
    <t>ろく助白塩</t>
  </si>
  <si>
    <t>東洋食品</t>
  </si>
  <si>
    <t>ﾄｳﾖｳｼｮｸﾋﾝ</t>
  </si>
  <si>
    <t>五島灘の本にがり</t>
  </si>
  <si>
    <t>天塩</t>
  </si>
  <si>
    <t>赤穂化成</t>
  </si>
  <si>
    <t>ｱｺｳｶｾｲ</t>
  </si>
  <si>
    <t>クエン酸</t>
  </si>
  <si>
    <t>焼みょうばんスタンドパック</t>
  </si>
  <si>
    <t>富士食糧</t>
  </si>
  <si>
    <t>ﾌｼﾞｼｮｸﾘｮｳ</t>
  </si>
  <si>
    <t>ぬかみそからしチャック袋</t>
  </si>
  <si>
    <t>玉三さごはち</t>
  </si>
  <si>
    <t>きゅうりの辛し漬け</t>
  </si>
  <si>
    <t>漬物一番</t>
  </si>
  <si>
    <t>12g×5P</t>
  </si>
  <si>
    <t>プラス糀乾燥米こうじ</t>
  </si>
  <si>
    <t>関東3尺1本_1800標準</t>
  </si>
  <si>
    <t>液みそ料亭の味大容量</t>
  </si>
  <si>
    <t>860g</t>
  </si>
  <si>
    <t>もろみみそ</t>
  </si>
  <si>
    <t>西京京の彩</t>
  </si>
  <si>
    <t>西京味噌</t>
  </si>
  <si>
    <t>ｻｲｷｮｳﾐｿ</t>
  </si>
  <si>
    <t>赤出し味噌　無添加カップ</t>
  </si>
  <si>
    <t>ｶｸｷｭｰ</t>
  </si>
  <si>
    <t>仙台味噌</t>
  </si>
  <si>
    <t>仙台味噌醤油</t>
  </si>
  <si>
    <t>ｾﾝﾀﾞｲﾐｿ</t>
  </si>
  <si>
    <t>雪ちゃん</t>
  </si>
  <si>
    <t>日本海味噌醤油</t>
  </si>
  <si>
    <t>ﾆﾎﾝｶｲﾐｿ</t>
  </si>
  <si>
    <t>こうじ味噌</t>
  </si>
  <si>
    <t>田舎みそカップ</t>
  </si>
  <si>
    <t>信州味噌白山吹650g</t>
  </si>
  <si>
    <t>信州味噌</t>
  </si>
  <si>
    <t>ｼﾝｼｭｳﾐｿ</t>
  </si>
  <si>
    <t>だし入り風味一番</t>
  </si>
  <si>
    <t>だし入り風味一番減塩</t>
  </si>
  <si>
    <t>国産生コクの極み</t>
  </si>
  <si>
    <t>マルマン</t>
  </si>
  <si>
    <t>ﾏﾙﾏﾝ</t>
  </si>
  <si>
    <t>国産生減塩20%</t>
  </si>
  <si>
    <t>だし入りおかあさん</t>
  </si>
  <si>
    <t>小型関東3尺1本1800栃木・群馬・</t>
  </si>
  <si>
    <t>いつでも新鮮超減塩しょうゆ66%カット</t>
  </si>
  <si>
    <t>本膳</t>
  </si>
  <si>
    <t>鮮度生活だししょうゆ</t>
  </si>
  <si>
    <t>40ml</t>
  </si>
  <si>
    <t>かき醤油</t>
  </si>
  <si>
    <t>アサムラサキ</t>
  </si>
  <si>
    <t>ｱｻﾑﾗｻｷ</t>
  </si>
  <si>
    <t>だししょうゆこい色</t>
  </si>
  <si>
    <t>いつでも新鮮こく旨リッチ特選丸大豆しょうゆ</t>
  </si>
  <si>
    <t>鮮度生活特選丸大豆しょうゆ</t>
  </si>
  <si>
    <t>鮮度生活減塩しょうゆ</t>
  </si>
  <si>
    <t>特選丸大豆醤油</t>
  </si>
  <si>
    <t>ﾋｹﾞﾀｼｮｳﾕ</t>
  </si>
  <si>
    <t>正田のしょうゆ特級</t>
  </si>
  <si>
    <t>正田醤油</t>
  </si>
  <si>
    <t>ｼｮｳﾀﾞｼｮｳﾕ</t>
  </si>
  <si>
    <t>本醸造しょうゆ</t>
  </si>
  <si>
    <t>期間限定こいくちしょうゆ</t>
  </si>
  <si>
    <t>小型関東3尺1本_1800【酒】</t>
  </si>
  <si>
    <t>関東・小型3尺1本_1800</t>
  </si>
  <si>
    <t>おろしぽん酢</t>
  </si>
  <si>
    <t>たっぷりたまねぎポン酢</t>
  </si>
  <si>
    <t>徳島産業</t>
  </si>
  <si>
    <t>ﾄｸｼﾏｻﾝｷﾞｮｳ</t>
  </si>
  <si>
    <t>手造りひろたのぽんず</t>
  </si>
  <si>
    <t>手造りひろた食品</t>
  </si>
  <si>
    <t>ﾃﾂﾞｸﾘﾋﾛﾀ</t>
  </si>
  <si>
    <t>ゆず醤油かけぽん瓶</t>
  </si>
  <si>
    <t>昆布ぽん酢スーパーマイルド</t>
  </si>
  <si>
    <t>昆布ぽん酢パック</t>
  </si>
  <si>
    <t>昆布ぽん酢スーパーマイルドパック</t>
  </si>
  <si>
    <t>ゆずぽん酢</t>
  </si>
  <si>
    <t>うま豚鍋つゆ焦がし醤油</t>
  </si>
  <si>
    <t>至福のゆず醤油鍋スープ</t>
  </si>
  <si>
    <t>銀座篝監修トマト鶏白湯Nabeスープ</t>
  </si>
  <si>
    <t>ぱぱっとちゃんとこれうまつゆ</t>
  </si>
  <si>
    <t>ごまだれ専科</t>
  </si>
  <si>
    <t>京のれん豆腐つゆ</t>
  </si>
  <si>
    <t>天ぷら専科ストレート</t>
  </si>
  <si>
    <t>つゆの素ゴールド</t>
  </si>
  <si>
    <t>料理人直伝極み白だし</t>
  </si>
  <si>
    <t>つゆ大徳利</t>
  </si>
  <si>
    <t>旨みひろがる香り白だし</t>
  </si>
  <si>
    <t>つゆの素</t>
  </si>
  <si>
    <t>粕屋店</t>
  </si>
  <si>
    <t>九州3尺2本_1800SMART粕屋</t>
  </si>
  <si>
    <t>こいくち木星</t>
  </si>
  <si>
    <t>高田食品工業</t>
  </si>
  <si>
    <t>ﾀｶﾀﾞｼｮｸﾋﾝ</t>
  </si>
  <si>
    <t>こいくち藤</t>
  </si>
  <si>
    <t>大久醤油</t>
  </si>
  <si>
    <t>ﾀﾞｲｷｭｳｼｮｳﾕ</t>
  </si>
  <si>
    <t>国産原料あわせ</t>
  </si>
  <si>
    <t>白秋合せみそ</t>
  </si>
  <si>
    <t>産地限定合わせみそ生</t>
  </si>
  <si>
    <t>九州3尺1本_1800九・西【酒】</t>
  </si>
  <si>
    <t>九州3尺1本_2100SMART</t>
  </si>
  <si>
    <t>九州3尺2本1800粕屋実験ｵﾘﾌﾞ無■</t>
  </si>
  <si>
    <t>MCTオイルポーション</t>
  </si>
  <si>
    <t>2g×10P</t>
  </si>
  <si>
    <t>岩井の純正胡麻油金口</t>
  </si>
  <si>
    <t>岩井の胡麻油</t>
  </si>
  <si>
    <t>ｲﾜｲﾉｺﾞﾏｱﾌﾞ</t>
  </si>
  <si>
    <t>圧搾純正胡麻油300g</t>
  </si>
  <si>
    <t>かどやの太白ごま油</t>
  </si>
  <si>
    <t>純正ごま油濃口</t>
  </si>
  <si>
    <t>ヘルシーごま香油紙パック</t>
  </si>
  <si>
    <t>九州3尺3本_2100西</t>
  </si>
  <si>
    <t>レモン果汁100%濃縮還元</t>
  </si>
  <si>
    <t>すっきりりんご酢ストレート</t>
  </si>
  <si>
    <t>フルーティスリッチ白桃</t>
  </si>
  <si>
    <t>美酢太陽のシトラス</t>
  </si>
  <si>
    <t>砂糖無添加シャインマスカット黒酢</t>
  </si>
  <si>
    <t>甘熟王フルーツミックス黒酢</t>
  </si>
  <si>
    <t>臨醐山黒酢</t>
  </si>
  <si>
    <t>はちみつ黒酢ダイエット濃縮タイプ</t>
  </si>
  <si>
    <t>はちみつうめダイエット濃縮タイプ</t>
  </si>
  <si>
    <t>はちみつりんご酢ダイエット濃縮</t>
  </si>
  <si>
    <t>マルキン黒麹もろみ酢プレーン</t>
  </si>
  <si>
    <t>ﾏﾙｷﾝ</t>
  </si>
  <si>
    <t>ヘルシー米酢</t>
  </si>
  <si>
    <t>おまかせ酢</t>
  </si>
  <si>
    <t>かけるカンタン酢</t>
  </si>
  <si>
    <t>いいこと酢ケチャップタイプ</t>
  </si>
  <si>
    <t>240ml</t>
  </si>
  <si>
    <t>いいこと酢ソースタイプ</t>
  </si>
  <si>
    <t>特級すし酢米酢白菊仕立て</t>
  </si>
  <si>
    <t>九州3尺3本_1800九・西【福岡】</t>
  </si>
  <si>
    <t>とみ田監修ラーメン鍋豚にんにく</t>
  </si>
  <si>
    <t>プチッと鍋担々ごま</t>
  </si>
  <si>
    <t>鍋キューブ濃厚白湯</t>
  </si>
  <si>
    <t>〆まで美味しい寄せ鍋つゆミニパック</t>
  </si>
  <si>
    <t>32g×4P</t>
  </si>
  <si>
    <t>まろやか塩だれ</t>
  </si>
  <si>
    <t>九州3尺2本_2100九・西</t>
  </si>
  <si>
    <t>超焼肉のたれ中辛</t>
  </si>
  <si>
    <t>牛角旨塩だれ</t>
  </si>
  <si>
    <t>焼肉トラジさらさら醤油だれ</t>
  </si>
  <si>
    <t>おろしのたれオニオン＆ビネガー</t>
  </si>
  <si>
    <t>にんにくのたれ</t>
  </si>
  <si>
    <t>戸村本店の特撰焼肉たれ</t>
  </si>
  <si>
    <t>エバラ黄金の味旨にんにく</t>
  </si>
  <si>
    <t>黄金の味濃熟</t>
  </si>
  <si>
    <t>ホルモンのたれ</t>
  </si>
  <si>
    <t>角煮のたれ</t>
  </si>
  <si>
    <t>煮豚のたれ</t>
  </si>
  <si>
    <t>クセになるガーリックバター醤油だれ</t>
  </si>
  <si>
    <t>ステーキソース醤油</t>
  </si>
  <si>
    <t>池利</t>
  </si>
  <si>
    <t>ぽんしゃぶ</t>
  </si>
  <si>
    <t>金のごまだれカロリーハーフ</t>
  </si>
  <si>
    <t>しゃぶしゃぶたれ</t>
  </si>
  <si>
    <t>すき焼きわりした</t>
  </si>
  <si>
    <t>佐吉のたれ</t>
  </si>
  <si>
    <t>ｻｷﾁﾉﾀﾚ</t>
  </si>
  <si>
    <t>九州3尺1本1800粕屋実お好み無■</t>
  </si>
  <si>
    <t>超減塩ウスターソース</t>
  </si>
  <si>
    <t>超減塩とんかつソース</t>
  </si>
  <si>
    <t>うまソースコク旨トマト</t>
  </si>
  <si>
    <t>九州3尺1本_1800九・西</t>
  </si>
  <si>
    <t>玉ねぎとオリーブの風味豊かなドレッシング</t>
  </si>
  <si>
    <t>ふらの農業協同組合</t>
  </si>
  <si>
    <t>JAﾌﾗﾉ</t>
  </si>
  <si>
    <t>九州3尺3本1800九・西</t>
  </si>
  <si>
    <t>焙煎ごまと玉ねぎの風味豊かなドレッシング</t>
  </si>
  <si>
    <t>シーザークリーミードレッシング</t>
  </si>
  <si>
    <t>480ml</t>
  </si>
  <si>
    <t>深煎りごまドレッシング薬味ポン酢味</t>
  </si>
  <si>
    <t>ｷﾕｰﾋﾟ</t>
  </si>
  <si>
    <t>ノンオイルきざみ玉葱</t>
  </si>
  <si>
    <t>ノンオイル塩レモン</t>
  </si>
  <si>
    <t>塩こうじドレッシング檸檬と生姜</t>
  </si>
  <si>
    <t>ﾀﾞｲﾄｳ</t>
  </si>
  <si>
    <t>塩こうじドレッシング酢橘と柚子</t>
  </si>
  <si>
    <t>塩こうじドレッシング黒酢と玉葱</t>
  </si>
  <si>
    <t>静岡県産わさびドレッシング</t>
  </si>
  <si>
    <t>亀井通産</t>
  </si>
  <si>
    <t>完熟トマトとたまねぎドレッシング</t>
  </si>
  <si>
    <t>ｴｽｴｽｹｲ</t>
  </si>
  <si>
    <t>ごま油とねぎ塩ドレッシング</t>
  </si>
  <si>
    <t>燻製チーズとベーコンドレッシング</t>
  </si>
  <si>
    <t>九州3尺1本1800粕屋実験■</t>
  </si>
  <si>
    <t>ボスコオーガニックエキストラバージンオリーブオイル</t>
  </si>
  <si>
    <t>ボスコプレミアムエキストラバージンオリーブオイル瓶</t>
  </si>
  <si>
    <t>エキストラヴァージンオリーブオイル</t>
  </si>
  <si>
    <t>ﾆﾁﾌﾂﾎﾞｳｴｷ</t>
  </si>
  <si>
    <t>ボスコトスカーナエキストラバージンオリーブオイル</t>
  </si>
  <si>
    <t>229g</t>
  </si>
  <si>
    <t>ベルトーリオーガニックEVオリーブオイル</t>
  </si>
  <si>
    <t>オリーブＥＶ紙パック</t>
  </si>
  <si>
    <t>菜館赤唐辛子ホール</t>
  </si>
  <si>
    <t>九州3尺3本_2100九・西</t>
  </si>
  <si>
    <t>菜館糸切り唐辛子</t>
  </si>
  <si>
    <t>菜館五香粉</t>
  </si>
  <si>
    <t>菜館きくらげ</t>
  </si>
  <si>
    <t>菜館干しえび</t>
  </si>
  <si>
    <t>李錦記オイスターソースチューブ</t>
  </si>
  <si>
    <t>李錦記チリソースチューブ</t>
  </si>
  <si>
    <t>ｴｽﾋﾞｰ</t>
  </si>
  <si>
    <t>具入りラー油</t>
  </si>
  <si>
    <t>がらスープ</t>
  </si>
  <si>
    <t>モッパン本場韓国チキンパウダー</t>
  </si>
  <si>
    <t>SSB</t>
  </si>
  <si>
    <t>bibigo_サムジャン</t>
  </si>
  <si>
    <t>ヤンニョムチキンソース</t>
  </si>
  <si>
    <t>菜館ユッケジャンの素</t>
  </si>
  <si>
    <t>町中華ニラ玉の素</t>
  </si>
  <si>
    <t>町中華ピリ辛肉あんかけ飯の素</t>
  </si>
  <si>
    <t>COOKDO極麻辣麻婆豆腐用</t>
  </si>
  <si>
    <t>本格四川コクと旨みひろがる麻婆豆腐</t>
  </si>
  <si>
    <t>マボちゃん辛口</t>
  </si>
  <si>
    <t>贅を味わう麻婆豆腐の素甘口</t>
  </si>
  <si>
    <t>贅を味わう青唐辛子麻婆豆腐の素</t>
  </si>
  <si>
    <t>お好み焼</t>
  </si>
  <si>
    <t>九州3尺1本1800_粕屋実験■</t>
  </si>
  <si>
    <t>紅しょうが</t>
  </si>
  <si>
    <t>15g×2P</t>
  </si>
  <si>
    <t>チヂミこだわりセット2人前</t>
  </si>
  <si>
    <t>2人前</t>
  </si>
  <si>
    <t>2.1kg</t>
  </si>
  <si>
    <t>2200g</t>
  </si>
  <si>
    <t>九州3尺2本1800粕屋実験お好無■</t>
  </si>
  <si>
    <t>お米の粉お料理自慢の薄力粉</t>
  </si>
  <si>
    <t>国産米粉</t>
  </si>
  <si>
    <t>みたけ食品工業</t>
  </si>
  <si>
    <t>ﾐﾀｹｼｮｸﾋﾝ</t>
  </si>
  <si>
    <t>ハート薄力小麦粉</t>
  </si>
  <si>
    <t>九州3尺3本_2100【九】</t>
  </si>
  <si>
    <t>いなばカレーチキン</t>
  </si>
  <si>
    <t>とりゆず胡椒味</t>
  </si>
  <si>
    <t>しそアラ瓶</t>
  </si>
  <si>
    <t>しいアラ瓶</t>
  </si>
  <si>
    <t>158g</t>
  </si>
  <si>
    <t>ホームクッキングとりささみ国産</t>
  </si>
  <si>
    <t>HCシャキッとコーン3P</t>
  </si>
  <si>
    <t>九州3尺4本_1800</t>
  </si>
  <si>
    <t>さくらあん</t>
  </si>
  <si>
    <t>山口県産有機きくらげ</t>
  </si>
  <si>
    <t>白きくらげ</t>
  </si>
  <si>
    <t>カレー焼ビーフン</t>
  </si>
  <si>
    <t>即席焼ビーフンこく旨塩味</t>
  </si>
  <si>
    <t>はるさめ使い切り</t>
  </si>
  <si>
    <t>寒天赤</t>
  </si>
  <si>
    <t>寒天青</t>
  </si>
  <si>
    <t>人参ミックス切干大根</t>
  </si>
  <si>
    <t>うまかあじすりごま白</t>
  </si>
  <si>
    <t>すりごま金</t>
  </si>
  <si>
    <t>いりごま金</t>
  </si>
  <si>
    <t>すりごま白大袋</t>
  </si>
  <si>
    <t>いりごま白大袋</t>
  </si>
  <si>
    <t>九州3尺2本_2100九・西_Smart</t>
  </si>
  <si>
    <t>九州3尺3本_1800SMART粕屋</t>
  </si>
  <si>
    <t>まいにちおいしい銀座カリー辛口</t>
  </si>
  <si>
    <t>プロクオリティカレーブラック</t>
  </si>
  <si>
    <t>ホテルシェフ欧風カレー辛口</t>
  </si>
  <si>
    <t>マジックスパイススペシャルメニュー</t>
  </si>
  <si>
    <t>307g</t>
  </si>
  <si>
    <t>ゴロッとじゃがいもと厚切り豚バラのポークカレー</t>
  </si>
  <si>
    <t>ゴロッと国産野菜のビーフシチュー</t>
  </si>
  <si>
    <t>タイカレープーパッポン</t>
  </si>
  <si>
    <t>タイカレーレッド</t>
  </si>
  <si>
    <t>九州3尺4本海苔なし2100九・西●</t>
  </si>
  <si>
    <t>氷熟マイルド削り</t>
  </si>
  <si>
    <t>新鮮一番使い切り鰹パック</t>
  </si>
  <si>
    <t>薩摩の味かつおパック</t>
  </si>
  <si>
    <t>2g×6p</t>
  </si>
  <si>
    <t>1gで使いやすいソフトけずり</t>
  </si>
  <si>
    <t>1g×15P</t>
  </si>
  <si>
    <t>かつおつや削り</t>
  </si>
  <si>
    <t>2g×4P</t>
  </si>
  <si>
    <t>煮干し削っちゃいました</t>
  </si>
  <si>
    <t>薩摩の味花かつお</t>
  </si>
  <si>
    <t>ｶﾈﾀ</t>
  </si>
  <si>
    <t>あおさのり</t>
  </si>
  <si>
    <t>アマノ</t>
  </si>
  <si>
    <t>ｱﾏﾉ</t>
  </si>
  <si>
    <t>芽ひじき</t>
  </si>
  <si>
    <t>めかぶちゃん</t>
  </si>
  <si>
    <t>ﾔﾏﾆ</t>
  </si>
  <si>
    <t>ふえるわかめちゃん三陸お徳用</t>
  </si>
  <si>
    <t>くらこん塩こんぶわさび味</t>
  </si>
  <si>
    <t>塩こんぶ小</t>
  </si>
  <si>
    <t>減塩塩こんぶ</t>
  </si>
  <si>
    <t>おぼろ昆布</t>
  </si>
  <si>
    <t>カット出し昆布</t>
  </si>
  <si>
    <t>御出し昆布</t>
  </si>
  <si>
    <t>羅臼昆布</t>
  </si>
  <si>
    <t>無添加鰹だしとれたて</t>
  </si>
  <si>
    <t>無添加だし焼きあご顆粒</t>
  </si>
  <si>
    <t>6g×7P</t>
  </si>
  <si>
    <t>ちゃんぽんスープ</t>
  </si>
  <si>
    <t>直火焼本かつおだしの素</t>
  </si>
  <si>
    <t>ほんだしこんぶだし</t>
  </si>
  <si>
    <t>10g×20P</t>
  </si>
  <si>
    <t>新かつおだしの素</t>
  </si>
  <si>
    <t>合わせだしパック</t>
  </si>
  <si>
    <t>マギーブイヨン無添加アレルギー28品目不使用</t>
  </si>
  <si>
    <t>国産野菜のブイヨン</t>
  </si>
  <si>
    <t>4g×6P</t>
  </si>
  <si>
    <t>コンソメふりだしタイプ</t>
  </si>
  <si>
    <t>カップヌードルPROシーフード</t>
  </si>
  <si>
    <t>九州3尺9本_2100SMART粕屋</t>
  </si>
  <si>
    <t>カップヌードルPRO</t>
  </si>
  <si>
    <t>QTTAコク味噌味</t>
  </si>
  <si>
    <t>九州3尺3本_1800九・西</t>
  </si>
  <si>
    <t>九州3尺2本_1800西　【神崎】</t>
  </si>
  <si>
    <t>お茶漬詰合せ4種</t>
  </si>
  <si>
    <t>39.6g</t>
  </si>
  <si>
    <t>梅わさびふりかけ</t>
  </si>
  <si>
    <t>ﾆﾁﾌﾘ</t>
  </si>
  <si>
    <t>のり弁慶ふりかけ</t>
  </si>
  <si>
    <t>あかり</t>
  </si>
  <si>
    <t>しげき</t>
  </si>
  <si>
    <t>香味しそNP</t>
  </si>
  <si>
    <t>炊き込みわかめ醤油が香る</t>
  </si>
  <si>
    <t>ソフトふりかけいか昆布</t>
  </si>
  <si>
    <t>ソフトふりかけ牛カレー</t>
  </si>
  <si>
    <t>ソフトふりかけ豚味噌そぼろ</t>
  </si>
  <si>
    <t>ソフトふりかけたらこ</t>
  </si>
  <si>
    <t>ふりかけ4種詰合せ</t>
  </si>
  <si>
    <t>2.5g×40P</t>
  </si>
  <si>
    <t>丸美屋フーズ</t>
  </si>
  <si>
    <t>ﾏﾙﾐﾔﾌ-ｽﾞ</t>
  </si>
  <si>
    <t>九州3尺2本_2100九・西　●</t>
  </si>
  <si>
    <t>味付むすびのり</t>
  </si>
  <si>
    <t>3切10枚入</t>
  </si>
  <si>
    <t>味のり</t>
  </si>
  <si>
    <t>12切5枚入8P</t>
  </si>
  <si>
    <t>有明の華初摘み手巻き焼のり</t>
  </si>
  <si>
    <t>手巻やさんハンディ</t>
  </si>
  <si>
    <t>3切20枚入</t>
  </si>
  <si>
    <t>無添加味付のり</t>
  </si>
  <si>
    <t>九州3尺7本_2100九・西</t>
  </si>
  <si>
    <t>匠のドリップコーヒースペシャルブレンド</t>
  </si>
  <si>
    <t>ブレンディスティックはちみつ紅茶オレ</t>
  </si>
  <si>
    <t>ブレンディカフェラトリースティック濃厚ミルクティーラテ</t>
  </si>
  <si>
    <t>ブレンディカフェラトリースティック濃厚ビターカフェラテ</t>
  </si>
  <si>
    <t>ブレンディカフェラトリースティック濃厚クリーミーカプチーノ</t>
  </si>
  <si>
    <t>ちょっと贅沢な珈琲店スティックコーヒースペシャルブレンド</t>
  </si>
  <si>
    <t>九州3尺2本_1800九・西</t>
  </si>
  <si>
    <t>九州3尺2本_1800九</t>
  </si>
  <si>
    <t>ゼライスパウダー6袋入り</t>
  </si>
  <si>
    <t>みつ豆EO</t>
  </si>
  <si>
    <t>8号缶</t>
  </si>
  <si>
    <t>朝からフルーツゴールデンパインパウチ</t>
  </si>
  <si>
    <t>朝からフルーツ黄桃パウチ</t>
  </si>
  <si>
    <t>朝からフルーツパイミンパウチ</t>
  </si>
  <si>
    <t>朝からフルーツみつ豆パウチ</t>
  </si>
  <si>
    <t>朝からフルーツ杏仁パウチ</t>
  </si>
  <si>
    <t>甘夏みかん</t>
  </si>
  <si>
    <t>りんご一口カットEO</t>
  </si>
  <si>
    <t>フルーツみつ豆EO</t>
  </si>
  <si>
    <t>朝からフルーツ白桃</t>
  </si>
  <si>
    <t>朝からフルーツナタデココ</t>
  </si>
  <si>
    <t>九州3尺2本_2100SMART</t>
  </si>
  <si>
    <t>さっぱりビール漬けの素</t>
  </si>
  <si>
    <t>西関西</t>
  </si>
  <si>
    <t>武庫川店</t>
  </si>
  <si>
    <t>どみそ監修濃厚みそ</t>
  </si>
  <si>
    <t>関西4尺1本_1800標準</t>
  </si>
  <si>
    <t>液みそ賛否両論贅沢鯛だし</t>
  </si>
  <si>
    <t>マルサンアイ</t>
  </si>
  <si>
    <t>ﾏﾙｻﾝｱｲ</t>
  </si>
  <si>
    <t>塩ひかえめ</t>
  </si>
  <si>
    <t>竹屋</t>
  </si>
  <si>
    <t>ﾀｹﾔ</t>
  </si>
  <si>
    <t>赤出し味噌葵カップ</t>
  </si>
  <si>
    <t>液みそ白みそだし入り</t>
  </si>
  <si>
    <t>西京白みそ</t>
  </si>
  <si>
    <t>無添加みそ円熟こうじ減塩</t>
  </si>
  <si>
    <t>無添加生みそ白</t>
  </si>
  <si>
    <t>信州仕込みカップ</t>
  </si>
  <si>
    <t>九州の麦みそ</t>
  </si>
  <si>
    <t>ﾌﾝﾄﾞｰｷﾝ</t>
  </si>
  <si>
    <t>かねよ薩摩みそ生</t>
  </si>
  <si>
    <t>横山味噌醤油醸造店</t>
  </si>
  <si>
    <t>ﾖｺﾔﾏﾐｿ</t>
  </si>
  <si>
    <t>特醸</t>
  </si>
  <si>
    <t>関西4尺1本_1800</t>
  </si>
  <si>
    <t>トマトピューレパウチ</t>
  </si>
  <si>
    <t>カットトマト</t>
  </si>
  <si>
    <t>今津</t>
  </si>
  <si>
    <t>ｲﾏﾂﾞ</t>
  </si>
  <si>
    <t>ホールトマト</t>
  </si>
  <si>
    <t>関西4尺2本_1800</t>
  </si>
  <si>
    <t>お好み焼きソース関西</t>
  </si>
  <si>
    <t>焼肉のたれ金龍中辛</t>
  </si>
  <si>
    <t>キンリューフーズ</t>
  </si>
  <si>
    <t>ｷﾝﾘｭｰﾌｰｽﾞ</t>
  </si>
  <si>
    <t>焼肉御膳甘口</t>
  </si>
  <si>
    <t>かねこみそ</t>
  </si>
  <si>
    <t>ｶﾈｺﾐｿ</t>
  </si>
  <si>
    <t>焼肉御膳中辛</t>
  </si>
  <si>
    <t>ゴーゴーカレーレトルト</t>
  </si>
  <si>
    <t>155g×2</t>
  </si>
  <si>
    <t>ゴーゴーカレーグループ</t>
  </si>
  <si>
    <t>ｺﾞｰｺﾞｰｶﾚｰ</t>
  </si>
  <si>
    <t>関西4尺1本_1800武庫川</t>
  </si>
  <si>
    <t>新潟コシヒカリかるく一膳3食</t>
  </si>
  <si>
    <t>130g×3</t>
  </si>
  <si>
    <t>関西4尺2本1800(ご飯お粥簡単含</t>
  </si>
  <si>
    <t>よくばりDeli茶わん蒸しの素</t>
  </si>
  <si>
    <t>かにぞうすいの素</t>
  </si>
  <si>
    <t>炊きたてごはんこしひかり1食</t>
  </si>
  <si>
    <t>マンナンごはん</t>
  </si>
  <si>
    <t>牛めしの素</t>
  </si>
  <si>
    <t>関西4尺2本_1800●</t>
  </si>
  <si>
    <t>にぼしっ子</t>
  </si>
  <si>
    <t>熟成にぼし小才</t>
  </si>
  <si>
    <t>たべたろうソフトきざみ昆布</t>
  </si>
  <si>
    <t>おいしいだし昆布</t>
  </si>
  <si>
    <t>59g</t>
  </si>
  <si>
    <t>べんりだし</t>
  </si>
  <si>
    <t>栃木県産大乾かんぴょう</t>
  </si>
  <si>
    <t>大乾</t>
  </si>
  <si>
    <t>ﾀﾞｲｶﾝ</t>
  </si>
  <si>
    <t>栃木県産かんぴょう</t>
  </si>
  <si>
    <t>4g×4P</t>
  </si>
  <si>
    <t>うず巻庄内麩</t>
  </si>
  <si>
    <t>厚釜焼き車麩</t>
  </si>
  <si>
    <t>すきやき麩</t>
  </si>
  <si>
    <t>手焼やき麩</t>
  </si>
  <si>
    <t>手焼おつゆ麩</t>
  </si>
  <si>
    <t>国内産小麦すきやき麸袋</t>
  </si>
  <si>
    <t>新あさひ豆腐粉末調味料付5個入</t>
  </si>
  <si>
    <t>132.5g</t>
  </si>
  <si>
    <t>国内産どんこ椎茸</t>
  </si>
  <si>
    <t>国内産徳用無選別椎茸</t>
  </si>
  <si>
    <t>国内産香信椎茸</t>
  </si>
  <si>
    <t>寿司のり紺</t>
  </si>
  <si>
    <t>関西4尺1本_1800●</t>
  </si>
  <si>
    <t>焼のりキズ</t>
  </si>
  <si>
    <t>4ﾏｲ</t>
  </si>
  <si>
    <t>味のりキズ</t>
  </si>
  <si>
    <t>焼のり寿司はね全形</t>
  </si>
  <si>
    <t>兵庫県産焼海苔</t>
  </si>
  <si>
    <t>7枚</t>
  </si>
  <si>
    <t>松谷海苔</t>
  </si>
  <si>
    <t>ﾏﾂﾀﾆﾉﾘ</t>
  </si>
  <si>
    <t>焼海苔有明海産板のり</t>
  </si>
  <si>
    <t>新手巻のり一口サイズ</t>
  </si>
  <si>
    <t>4切30枚入</t>
  </si>
  <si>
    <t>くるっと18</t>
  </si>
  <si>
    <t>3切18枚</t>
  </si>
  <si>
    <t>手巻やさん</t>
  </si>
  <si>
    <t>九州有明海産味おにぎり</t>
  </si>
  <si>
    <t>明石味のり</t>
  </si>
  <si>
    <t>8切48枚</t>
  </si>
  <si>
    <t>鍵庄</t>
  </si>
  <si>
    <t>ｶｷﾞｼｮｳ</t>
  </si>
  <si>
    <t>おかずのり6袋サクッと仕上</t>
  </si>
  <si>
    <t>8切×6×6</t>
  </si>
  <si>
    <t>関西4尺6本_1800</t>
  </si>
  <si>
    <t>赤いきつねうどん関西</t>
  </si>
  <si>
    <t>緑のたぬき天そば関西</t>
  </si>
  <si>
    <t>関西4尺3本_1800【64段】</t>
  </si>
  <si>
    <t>塩元帥監修旨塩ラーメン</t>
  </si>
  <si>
    <t>マルちゃん正麺味噌味</t>
  </si>
  <si>
    <t>正麺旨塩味</t>
  </si>
  <si>
    <t>ワンタンメン</t>
  </si>
  <si>
    <t>309g</t>
  </si>
  <si>
    <t>95g×5</t>
  </si>
  <si>
    <t>すきやねん醤油</t>
  </si>
  <si>
    <t>90g×5P</t>
  </si>
  <si>
    <t>凄麺兵庫播州ラーメン</t>
  </si>
  <si>
    <t>日清麺NIPPON和歌山豚骨醤油</t>
  </si>
  <si>
    <t>推しの一杯ラーメン横綱豚骨しょう油</t>
  </si>
  <si>
    <t>サッポロ一番みそラーメンどんぶり</t>
  </si>
  <si>
    <t>サッポロ一番塩らーめんどんぶり</t>
  </si>
  <si>
    <t>山海ぶし</t>
  </si>
  <si>
    <t>オイル不使用ライトツナフレークまぐろ3缶</t>
  </si>
  <si>
    <t>関西4尺1本_2100</t>
  </si>
  <si>
    <t>半生煮込みカレーうどん</t>
  </si>
  <si>
    <t>三輪素麺オオバン</t>
  </si>
  <si>
    <t>マル勝高田商店</t>
  </si>
  <si>
    <t>ﾏﾙｶﾂﾀｶﾀﾞ</t>
  </si>
  <si>
    <t>出石そば　チャック付き</t>
  </si>
  <si>
    <t>田靡製麺</t>
  </si>
  <si>
    <t>ﾀﾅﾋﾞｷ</t>
  </si>
  <si>
    <t>山芋入り出石そばチャック付き</t>
  </si>
  <si>
    <t>フルーツミックスE.O</t>
  </si>
  <si>
    <t>パイン＆みかんE.O</t>
  </si>
  <si>
    <t>不二の花あられ</t>
  </si>
  <si>
    <t>不二食品</t>
  </si>
  <si>
    <t>ﾌｼﾞｼｮｸﾋﾝ</t>
  </si>
  <si>
    <t>関西4尺2本_1800(大阪・兵庫）</t>
  </si>
  <si>
    <t>不二食品不二の昆布茶</t>
  </si>
  <si>
    <t>不二食品不二の梅こぶ茶</t>
  </si>
  <si>
    <t>伊右衛門深むし茶</t>
  </si>
  <si>
    <t>ｳｼﾞﾉﾂﾕ</t>
  </si>
  <si>
    <t>かりがね緑茶</t>
  </si>
  <si>
    <t>宇治森徳</t>
  </si>
  <si>
    <t>ｳｼﾞﾓﾘﾄｸ</t>
  </si>
  <si>
    <t>伊右衛門玉露入りかりがね</t>
  </si>
  <si>
    <t>粉茶</t>
  </si>
  <si>
    <t>香ばしいほうじ茶</t>
  </si>
  <si>
    <t>徳用抹茶玄米茶</t>
  </si>
  <si>
    <t>抹茶入りやぶ北緑茶</t>
  </si>
  <si>
    <t>煎茶やぶきた</t>
  </si>
  <si>
    <t>おいしい抹茶入り緑茶</t>
  </si>
  <si>
    <t>2gx50袋</t>
  </si>
  <si>
    <t>かおりちゃん濃いめの緑茶TB</t>
  </si>
  <si>
    <t>7gx30</t>
  </si>
  <si>
    <t>5g×40袋入</t>
  </si>
  <si>
    <t>ほうじ茶ティーバッグ</t>
  </si>
  <si>
    <t>香味抹茶入玄米茶ティーバッグ</t>
  </si>
  <si>
    <t>33P</t>
  </si>
  <si>
    <t>お番茶ティーバッグ</t>
  </si>
  <si>
    <t>6g×32P</t>
  </si>
  <si>
    <t>北海道産黒豆茶</t>
  </si>
  <si>
    <t>5g×24</t>
  </si>
  <si>
    <t>ごぼうの茶</t>
  </si>
  <si>
    <t>1.5gx15</t>
  </si>
  <si>
    <t>17ブレンド茶</t>
  </si>
  <si>
    <t>6gX30</t>
  </si>
  <si>
    <t>兵庫県産六条大麦むぎ茶</t>
  </si>
  <si>
    <t>8g×52袋入</t>
  </si>
  <si>
    <t>関西4尺3本_2100</t>
  </si>
  <si>
    <t>イソマルトオリゴ糖</t>
  </si>
  <si>
    <t>奄美純黒糖</t>
  </si>
  <si>
    <t>奄美自然食本舗ファクトリー</t>
  </si>
  <si>
    <t>ｱﾏﾐｼｾﾞﾝｼｮｸ</t>
  </si>
  <si>
    <t>播州赤穂のにがり塩</t>
  </si>
  <si>
    <t>関西4尺1本_糖塩漬物風味_1800</t>
  </si>
  <si>
    <t>ラーメンスープ</t>
  </si>
  <si>
    <t>9g×8袋入</t>
  </si>
  <si>
    <t>自然派だしあわせ顆粒</t>
  </si>
  <si>
    <t>お塩控えめのほんだし</t>
  </si>
  <si>
    <t>ほんだしあわせだし</t>
  </si>
  <si>
    <t>旬の香り輪切り唐辛子</t>
  </si>
  <si>
    <t>まろやか金ごまぽんず</t>
  </si>
  <si>
    <t>鬼のすだちポン酢おろし</t>
  </si>
  <si>
    <t>徳島産すだち果汁</t>
  </si>
  <si>
    <t>ハグルマ</t>
  </si>
  <si>
    <t>ﾊｸﾞﾙﾏ</t>
  </si>
  <si>
    <t>ゆずづくし</t>
  </si>
  <si>
    <t>日本丸天醤油板前手造りポン酢</t>
  </si>
  <si>
    <t>板前手造食品</t>
  </si>
  <si>
    <t>ｲﾀﾏｴｼｭｿﾞｳ</t>
  </si>
  <si>
    <t>まろやかぽんず</t>
  </si>
  <si>
    <t>天翔ゆずぽん酢</t>
  </si>
  <si>
    <t>日本丸天醤油</t>
  </si>
  <si>
    <t>ﾆﾎﾝﾏﾙﾃﾝ</t>
  </si>
  <si>
    <t>めんスープ</t>
  </si>
  <si>
    <t>名代つゆ3倍濃縮</t>
  </si>
  <si>
    <t>関西4尺2本_2100</t>
  </si>
  <si>
    <t>いつでも新鮮牡蠣しょうゆ</t>
  </si>
  <si>
    <t>いつでも新鮮うすくち生しょうゆ</t>
  </si>
  <si>
    <t>国産丸大豆うすくち</t>
  </si>
  <si>
    <t>超特選丸大豆うすくち吟旬芳醇</t>
  </si>
  <si>
    <t>ギャバ醤油</t>
  </si>
  <si>
    <t>いつでも新鮮超特選極旨しょうゆ</t>
  </si>
  <si>
    <t>さしみしょうゆ</t>
  </si>
  <si>
    <t>おうちで簡単燻製醤油</t>
  </si>
  <si>
    <t>かつおしょうゆ</t>
  </si>
  <si>
    <t>丸大豆しょう油</t>
  </si>
  <si>
    <t>湯浅醤油　再仕込みしょうゆ</t>
  </si>
  <si>
    <t>小原久吉商店</t>
  </si>
  <si>
    <t>ｵﾊﾗﾋｻｷﾁｼｮｳ</t>
  </si>
  <si>
    <t>たまりしょうゆ</t>
  </si>
  <si>
    <t>有機丸大豆の吟選醤油</t>
  </si>
  <si>
    <t>超特選むらさき濃口</t>
  </si>
  <si>
    <t>淡口しょうゆ</t>
  </si>
  <si>
    <t>1L</t>
  </si>
  <si>
    <t>超特選減塩しょうゆ</t>
  </si>
  <si>
    <t>おかづまみの逸品鶏の炭火焼き風</t>
  </si>
  <si>
    <t>4.3g</t>
  </si>
  <si>
    <t>サイド(香辛料）</t>
  </si>
  <si>
    <t>A_ｼｰｽﾞﾆﾝｸﾞ_1台_標準_スパイス</t>
  </si>
  <si>
    <t>おかづまみの逸品豚のネギ塩焼き</t>
  </si>
  <si>
    <t>6.1g</t>
  </si>
  <si>
    <t>おかづまみの逸品海苔塩バターポテト</t>
  </si>
  <si>
    <t>おかづまみの逸品ふんわり卵焼き</t>
  </si>
  <si>
    <t>12.2g</t>
  </si>
  <si>
    <t>おかづまみの逸品柚子香るそぼろあんかけ豆腐</t>
  </si>
  <si>
    <t>7.1g</t>
  </si>
  <si>
    <t>スパイスクッキングバルメニューパエリア</t>
  </si>
  <si>
    <t>10.4g</t>
  </si>
  <si>
    <t>スパイスクッキングバルメニューバーニャカウダ</t>
  </si>
  <si>
    <t>スパイスクッキングバルメニュースパイシーポテトケイジャン風味</t>
  </si>
  <si>
    <t>スパイスクッキングバルメニューきのこのソテーベーコン＆ガーリック</t>
  </si>
  <si>
    <t>8.2g</t>
  </si>
  <si>
    <t>紙屋商店</t>
  </si>
  <si>
    <t>スパイスクッキングスタミナもやし</t>
  </si>
  <si>
    <t>スパイスクッキングフライドチキン</t>
  </si>
  <si>
    <t>にんにく族ガーリックポテトの素</t>
  </si>
  <si>
    <t>内山産業</t>
  </si>
  <si>
    <t>スパイスクッキングジャークチキン</t>
  </si>
  <si>
    <t>10.2g</t>
  </si>
  <si>
    <t>ﾏﾙﾃﾝ</t>
  </si>
  <si>
    <t>ごまあえの素</t>
  </si>
  <si>
    <t>規格名称</t>
  </si>
  <si>
    <t>いわし味付</t>
  </si>
  <si>
    <t>いわし味噌煮</t>
  </si>
  <si>
    <t>インターフレッシュ</t>
  </si>
  <si>
    <t>ヤマトタカハシ</t>
  </si>
  <si>
    <t>ﾔﾏﾄﾀｶﾊｼ</t>
  </si>
  <si>
    <t>ごま和えの素</t>
  </si>
  <si>
    <t>8g×4P</t>
  </si>
  <si>
    <t>浜乙女</t>
  </si>
  <si>
    <t>ﾊﾏｵﾄﾒ</t>
  </si>
  <si>
    <t>ｽｶﾞｷﾔ</t>
  </si>
  <si>
    <t>西九州</t>
  </si>
  <si>
    <t>伊万里店</t>
  </si>
  <si>
    <t>九州3尺2本_2100西・伊万里</t>
  </si>
  <si>
    <t>無添加合みそ</t>
  </si>
  <si>
    <t>880g</t>
  </si>
  <si>
    <t>あじわいあま塩合わせみそ</t>
  </si>
  <si>
    <t>甘塩あわせみそ</t>
  </si>
  <si>
    <t>あじわいあま塩米みそ</t>
  </si>
  <si>
    <t>伊万里みそ（米）</t>
  </si>
  <si>
    <t>750ｇ</t>
  </si>
  <si>
    <t>西岡醤油店</t>
  </si>
  <si>
    <t>ﾆｼｵｶｼｮｳﾕ</t>
  </si>
  <si>
    <t>伊万里みそ（合）</t>
  </si>
  <si>
    <t>蔵出しみそ</t>
  </si>
  <si>
    <t>850ｇ</t>
  </si>
  <si>
    <t>田舎みそ</t>
  </si>
  <si>
    <t>ばら本醸造しょうゆ</t>
  </si>
  <si>
    <t>卵かけご飯の醤油</t>
  </si>
  <si>
    <t>ゆふいんファーム</t>
  </si>
  <si>
    <t>ﾕﾌｲﾝﾌｧｰﾑ</t>
  </si>
  <si>
    <t>薄口しょうゆ</t>
  </si>
  <si>
    <t>あまくち</t>
  </si>
  <si>
    <t>マルヤマ醤油</t>
  </si>
  <si>
    <t>ﾏﾙﾔﾏｼｮｳﾕ</t>
  </si>
  <si>
    <t>淡口醤油</t>
  </si>
  <si>
    <t>ﾆｼｵｶｼｮｳ</t>
  </si>
  <si>
    <t>ばら</t>
  </si>
  <si>
    <t>うまくち醤油寿</t>
  </si>
  <si>
    <t>料亭うまくちしょうゆ</t>
  </si>
  <si>
    <t>九州3尺3本_1800西【佐賀】</t>
  </si>
  <si>
    <t>かつおだしつゆ</t>
  </si>
  <si>
    <t>焼きあごつゆ</t>
  </si>
  <si>
    <t>九州3尺3本_2100【西】</t>
  </si>
  <si>
    <t>九州3尺3本_2100白鳥以外</t>
  </si>
  <si>
    <t>バイオレットチャック付</t>
  </si>
  <si>
    <t>山芋パウダー</t>
  </si>
  <si>
    <t>8.5g×2P</t>
  </si>
  <si>
    <t>おいしく焼ける魔法のお好み焼き粉</t>
  </si>
  <si>
    <t>もんじゃ焼粉</t>
  </si>
  <si>
    <t>本場大阪たこ焼粉</t>
  </si>
  <si>
    <t>九州3尺5本_2100九・西【ｶ・ｹ】</t>
  </si>
  <si>
    <t>片栗粉のように使えるお米の粉</t>
  </si>
  <si>
    <t>しろあん</t>
  </si>
  <si>
    <t>みそ汁のふ</t>
  </si>
  <si>
    <t>ゆでぼし大根</t>
  </si>
  <si>
    <t>九州3尺2本_1800_佐賀</t>
  </si>
  <si>
    <t>サン海苔</t>
  </si>
  <si>
    <t>ｻﾝ</t>
  </si>
  <si>
    <t>きずのり焼全形</t>
  </si>
  <si>
    <t>6枚</t>
  </si>
  <si>
    <t>井口食品</t>
  </si>
  <si>
    <t>ｲﾉｸﾁｼｮｸﾋﾝ</t>
  </si>
  <si>
    <t>きずのり味全形</t>
  </si>
  <si>
    <t>ギーイージーバターオイル</t>
  </si>
  <si>
    <t>フラット・クラフト</t>
  </si>
  <si>
    <t>ﾌﾗｯﾄｸﾗﾌﾄ</t>
  </si>
  <si>
    <t>九州3尺1本センター分西</t>
  </si>
  <si>
    <t>オートミールだし醤油たまご風味</t>
  </si>
  <si>
    <t>オートミールトマトバジル風味</t>
  </si>
  <si>
    <t>スープdeごはんかに鍋風雑炊</t>
  </si>
  <si>
    <t>スープdeごはんスンドゥブチゲ風クッパ</t>
  </si>
  <si>
    <t>74.6g</t>
  </si>
  <si>
    <t>完全メシ日清焼そばU.F.O.ぶっ濃い屋台風焼そば</t>
  </si>
  <si>
    <t>バターチキンカレーメシ</t>
  </si>
  <si>
    <t>こんにゃく辛麺</t>
  </si>
  <si>
    <t>北海道味噌ラーメンこんにゃく麺</t>
  </si>
  <si>
    <t>ユッケジャンクッパ</t>
  </si>
  <si>
    <t>コムタンクッパ</t>
  </si>
  <si>
    <t>カルビクッパ</t>
  </si>
  <si>
    <t>とろっと卵の親子丼の具</t>
  </si>
  <si>
    <t>22.5g</t>
  </si>
  <si>
    <t>七種具材の中華丼の具</t>
  </si>
  <si>
    <t>ゆずとゆばの十六穀おじや</t>
  </si>
  <si>
    <t>16.9g</t>
  </si>
  <si>
    <t>コスモス食品</t>
  </si>
  <si>
    <t>ｺｽﾓｽｼｮｸﾋﾝ</t>
  </si>
  <si>
    <t>ねぎらう生姜のもち麦入りおじや</t>
  </si>
  <si>
    <t>17.9g</t>
  </si>
  <si>
    <t>100kcal蟹のあんかけ丼</t>
  </si>
  <si>
    <t>100kcal中華丼</t>
  </si>
  <si>
    <t>雑炊かつおだし</t>
  </si>
  <si>
    <t>雑炊こんぶだし</t>
  </si>
  <si>
    <t>雑炊かにだし</t>
  </si>
  <si>
    <t>山形県産つや姫分割4食U03</t>
  </si>
  <si>
    <t>国産こしひかり分割6食</t>
  </si>
  <si>
    <t>九州3尺3本_1800九・西　九分割</t>
  </si>
  <si>
    <t>九州3尺2本_1800西</t>
  </si>
  <si>
    <t>西九州3尺10本_2100</t>
  </si>
  <si>
    <t>元祖泡系一幸舎監修豚骨ラーメン</t>
  </si>
  <si>
    <t>九州3尺6本_2100西実験開発導入</t>
  </si>
  <si>
    <t>日東紅茶はちみつ紅茶ティーバッグ</t>
  </si>
  <si>
    <t>九州3尺2本_1800_佐賀　伊万里</t>
  </si>
  <si>
    <t>極上　玉緑茶</t>
  </si>
  <si>
    <t>唐津農業協同組合</t>
  </si>
  <si>
    <t>JAｶﾗﾂ</t>
  </si>
  <si>
    <t>特上　玉緑茶</t>
  </si>
  <si>
    <t>玉緑茶</t>
  </si>
  <si>
    <t>徳用嬉野茶</t>
  </si>
  <si>
    <t>お茶の秋月園</t>
  </si>
  <si>
    <t>ｵﾁｬﾉｱｷﾂﾞｷ</t>
  </si>
  <si>
    <t>うれしの茶</t>
  </si>
  <si>
    <t>嬉野茶</t>
  </si>
  <si>
    <t>月香園製茶</t>
  </si>
  <si>
    <t>ｹﾞｯｺｳｴﾝｾｲﾁ</t>
  </si>
  <si>
    <t>嬉野茶菊翠</t>
  </si>
  <si>
    <t>秋月園嬉野茶おだやか</t>
  </si>
  <si>
    <t>ｱｷﾂﾞｷｴﾝ</t>
  </si>
  <si>
    <t>九州3尺1本_1800西</t>
  </si>
  <si>
    <t>新下関店</t>
  </si>
  <si>
    <t>九州3尺1本1800_Smart(お好み焼</t>
  </si>
  <si>
    <t>農産乾物・漬物の素</t>
  </si>
  <si>
    <t>九州3尺4本1800_Smart</t>
  </si>
  <si>
    <t>中国産椎茸こうしん</t>
  </si>
  <si>
    <t>ラップでカンタンぬかチューブ</t>
  </si>
  <si>
    <t>油麩小</t>
  </si>
  <si>
    <t>平はるさめタンミョン</t>
  </si>
  <si>
    <t>九州3尺3本海苔なし2100九・西●</t>
  </si>
  <si>
    <t>しょうゆ・みりん</t>
  </si>
  <si>
    <t>九州3尺2本1800_Smart</t>
  </si>
  <si>
    <t>九州3尺2本_1800山口_新下関</t>
  </si>
  <si>
    <t>九州3尺2本_2100九【山口】</t>
  </si>
  <si>
    <t>九州3尺3本_1800九【山口】</t>
  </si>
  <si>
    <t>九州3尺1本1800</t>
  </si>
  <si>
    <t>ソース・お好み焼き</t>
  </si>
  <si>
    <t>九州3尺2本1800Smart</t>
  </si>
  <si>
    <t>パスタ・グラタン</t>
  </si>
  <si>
    <t>九州3尺3本1800_Smart</t>
  </si>
  <si>
    <t>マカロニグラタンホワイトソース2人前</t>
  </si>
  <si>
    <t>マカロニグラタンミートソース2人前</t>
  </si>
  <si>
    <t>マカロニグラタンチーズソース2人前</t>
  </si>
  <si>
    <t>マカロニグラタンホワイトソース4人前</t>
  </si>
  <si>
    <t>スパグラホワイトソース</t>
  </si>
  <si>
    <t>スパグラトマトソース</t>
  </si>
  <si>
    <t>レガーロペペロンチーノ</t>
  </si>
  <si>
    <t>ハコネーゼ焦がしにんにくの完熟トマトソース</t>
  </si>
  <si>
    <t>あえるハコネーゼペペロンチーノ</t>
  </si>
  <si>
    <t>ミルクたっぷりのカルボナーラ</t>
  </si>
  <si>
    <t>まぜスパ生風味たらこバター</t>
  </si>
  <si>
    <t>まぜるだけのスパゲッティソースペペロンチーノ</t>
  </si>
  <si>
    <t>44.6g</t>
  </si>
  <si>
    <t>蟹トマトクリーム</t>
  </si>
  <si>
    <t>明太子カルボナーラ</t>
  </si>
  <si>
    <t>九州3尺3本_1800_新下関_実験</t>
  </si>
  <si>
    <t>九州3尺2本2100九・西　九分割</t>
  </si>
  <si>
    <t>ふりかけ・瓶詰</t>
  </si>
  <si>
    <t>九州3尺3本1800Smart</t>
  </si>
  <si>
    <t>煮込みユッケ</t>
  </si>
  <si>
    <t>ベルフーズ</t>
  </si>
  <si>
    <t>ﾍﾞﾙﾌｰｽﾞ</t>
  </si>
  <si>
    <t>高見澤</t>
  </si>
  <si>
    <t>ﾀｶﾐｻﾞﾜ</t>
  </si>
  <si>
    <t>たま道楽NP</t>
  </si>
  <si>
    <t>混ぜ込みわかめ鶏そぼろ</t>
  </si>
  <si>
    <t>混ぜ込み赤しそ梅ひじき</t>
  </si>
  <si>
    <t>国産水煮大豆</t>
  </si>
  <si>
    <t>缶詰</t>
  </si>
  <si>
    <t>3尺2本1800_Smart</t>
  </si>
  <si>
    <t>ホームクッキングひじき国産</t>
  </si>
  <si>
    <t>ライプオリーブ</t>
  </si>
  <si>
    <t>讃陽食品工業</t>
  </si>
  <si>
    <t>グリーンオリーブ</t>
  </si>
  <si>
    <t>うずらのたまご</t>
  </si>
  <si>
    <t>スパムレギュラー</t>
  </si>
  <si>
    <t>さけ中骨水煮</t>
  </si>
  <si>
    <t>とりつくねたれ味</t>
  </si>
  <si>
    <t>おつまみ小鉢鉄板焼肉</t>
  </si>
  <si>
    <t>焼さんま大根おろし入</t>
  </si>
  <si>
    <t>九州3尺3本_1800九　【山口】</t>
  </si>
  <si>
    <t>菊川の糸</t>
  </si>
  <si>
    <t>下関農業協同組合</t>
  </si>
  <si>
    <t>ｼﾉﾓｾｷﾉｳ</t>
  </si>
  <si>
    <t>手延ふしめん</t>
  </si>
  <si>
    <t>万能薬味ごまねぎ海苔</t>
  </si>
  <si>
    <t>棒状丸幸ラーメンセンター監修久留米豚骨ラーメン</t>
  </si>
  <si>
    <t>199g</t>
  </si>
  <si>
    <t>丸星ラーメン監修久留米豚骨ラーメン</t>
  </si>
  <si>
    <t>長浜ナンバーワン監修長浜豚骨ラーメン</t>
  </si>
  <si>
    <t>タカモリたらこスパゲッティ3食</t>
  </si>
  <si>
    <t>468g</t>
  </si>
  <si>
    <t>九州3尺9本_2100九</t>
  </si>
  <si>
    <t>九州3尺7本_1801_SMART_実験</t>
  </si>
  <si>
    <t>スターバックスライトノートブレンド</t>
  </si>
  <si>
    <t>GSPフルーティ粉</t>
  </si>
  <si>
    <t>GSPナッツビート粉</t>
  </si>
  <si>
    <t>スターバックスパイクプレイス</t>
  </si>
  <si>
    <t>スタバホワイトモカNDG専用カプセル</t>
  </si>
  <si>
    <t>12p</t>
  </si>
  <si>
    <t>スターバックス抹茶ラテドルチェグスト専用カプセル</t>
  </si>
  <si>
    <t>ブレンディスティック飲み比べアソート</t>
  </si>
  <si>
    <t>ウエスティンカフェマイルドブレンド詰替</t>
  </si>
  <si>
    <t>贅沢な珈琲店スペシャルB袋</t>
  </si>
  <si>
    <t>バンホーテンの快眠ココア</t>
  </si>
  <si>
    <t>しょうが＆ゆず</t>
  </si>
  <si>
    <t>ミルクとけだすTBオリジナル</t>
  </si>
  <si>
    <t>8gx4P</t>
  </si>
  <si>
    <t>トワイニングチャイミルクティー</t>
  </si>
  <si>
    <t>セイロン紅茶三角ティーバッグ</t>
  </si>
  <si>
    <t>2g×25P</t>
  </si>
  <si>
    <t>ダージリン紅茶三角ティーバッグ</t>
  </si>
  <si>
    <t>そばつゆ</t>
  </si>
  <si>
    <t>ﾎｯﾄﾗﾝﾄﾞ</t>
  </si>
  <si>
    <t>新味料</t>
  </si>
  <si>
    <t>HMアーモンドスライス</t>
  </si>
  <si>
    <t>ラム酒入りレーズン</t>
  </si>
  <si>
    <t>ﾄｷﾜﾚｲﾄｳ</t>
  </si>
  <si>
    <t>182g</t>
  </si>
  <si>
    <t>よせ鍋つゆ</t>
  </si>
  <si>
    <t>700ml</t>
  </si>
  <si>
    <t>北北海道</t>
  </si>
  <si>
    <t>野幌店</t>
  </si>
  <si>
    <t>北海道4尺2本_1800標準</t>
  </si>
  <si>
    <t>つけてみそかけてみそマイルド</t>
  </si>
  <si>
    <t>北海道おでん味噌</t>
  </si>
  <si>
    <t>赤から赤きゅう</t>
  </si>
  <si>
    <t>トモエもろみみそ</t>
  </si>
  <si>
    <t>福山醸造</t>
  </si>
  <si>
    <t>ﾌｸﾔﾏ</t>
  </si>
  <si>
    <t>親父の肴にんにくみそ</t>
  </si>
  <si>
    <t>料亭の味フリーズドライ粒みそ</t>
  </si>
  <si>
    <t>京懐石</t>
  </si>
  <si>
    <t>マルサ特選赤こし</t>
  </si>
  <si>
    <t>マルダイだし入りみそ</t>
  </si>
  <si>
    <t>マルダイ花くらべ</t>
  </si>
  <si>
    <t>かねさね太郎こしみそ</t>
  </si>
  <si>
    <t>かねさ</t>
  </si>
  <si>
    <t>ｶﾈｻ</t>
  </si>
  <si>
    <t>かねさね太郎糀つぶみそ</t>
  </si>
  <si>
    <t>おかあさんみそこし</t>
  </si>
  <si>
    <t>おかあさんみそ合わせ</t>
  </si>
  <si>
    <t>紅一点だし入りみそ</t>
  </si>
  <si>
    <t>かねさ甘口みそだし入り</t>
  </si>
  <si>
    <t>北海道仕込み白つぶカップ</t>
  </si>
  <si>
    <t>田舎みそ赤こしカップ</t>
  </si>
  <si>
    <t>田舎みそ赤粒こしカップ</t>
  </si>
  <si>
    <t>トモエ田舎みそだし入り</t>
  </si>
  <si>
    <t>田舎みそ白こしカップ</t>
  </si>
  <si>
    <t>田舎みそ白粒こしカップ</t>
  </si>
  <si>
    <t>らくい食堂の豚汁みそ</t>
  </si>
  <si>
    <t>マスコ</t>
  </si>
  <si>
    <t>ﾏｽｺ</t>
  </si>
  <si>
    <t>北海道の恵みカップ</t>
  </si>
  <si>
    <t>道民の味噌無添加白こし</t>
  </si>
  <si>
    <t>紅一点北海道大豆無添加</t>
  </si>
  <si>
    <t>紅一点無添加生雪しぐれ</t>
  </si>
  <si>
    <t>トモエ無添加みそカップ</t>
  </si>
  <si>
    <t>料亭の味無添加</t>
  </si>
  <si>
    <t>かねさ味噌</t>
  </si>
  <si>
    <t>トモエ田舎みそだし入り詰替</t>
  </si>
  <si>
    <t>田舎みそ白こし詰替用</t>
  </si>
  <si>
    <t>田舎みそ白粒こし詰替用</t>
  </si>
  <si>
    <t>マルダイ特醸甘こうじ</t>
  </si>
  <si>
    <t>1.2kg</t>
  </si>
  <si>
    <t>寿みそ桐印白造り袋</t>
  </si>
  <si>
    <t>日本清酒</t>
  </si>
  <si>
    <t>ﾆﾎﾝｾｲｼｭ</t>
  </si>
  <si>
    <t>寿みそ桐印田舎造り袋</t>
  </si>
  <si>
    <t>北海道4尺1本_1800</t>
  </si>
  <si>
    <t>昆布のお醤油</t>
  </si>
  <si>
    <t>道民の醤油日高昆布</t>
  </si>
  <si>
    <t>鮮度生活味なめらか絹しょうゆ</t>
  </si>
  <si>
    <t>北海道あまくち醤油</t>
  </si>
  <si>
    <t>北海道産真昆布しょうゆ塩分カット</t>
  </si>
  <si>
    <t>はぼまい昆布しょうゆ</t>
  </si>
  <si>
    <t>歯舞漁業協同組合</t>
  </si>
  <si>
    <t>ﾊﾎﾞﾏｲJF</t>
  </si>
  <si>
    <t>上級本醸造しょうゆ</t>
  </si>
  <si>
    <t>北海道昆布しょうゆ塩分カット</t>
  </si>
  <si>
    <t>上級本醸造徳用醤油</t>
  </si>
  <si>
    <t>徳用しょうゆ</t>
  </si>
  <si>
    <t>ラーメンスープ華味味噌味</t>
  </si>
  <si>
    <t>ラーメンスープ華味正油味</t>
  </si>
  <si>
    <t>ラーメンスープ華味塩味</t>
  </si>
  <si>
    <t>丸鶏使用ガラベース</t>
  </si>
  <si>
    <t>20g×5P</t>
  </si>
  <si>
    <t>冷やし中華しょうゆ</t>
  </si>
  <si>
    <t>追いがつおつゆの素</t>
  </si>
  <si>
    <t>新得そばつゆ</t>
  </si>
  <si>
    <t>新得物産</t>
  </si>
  <si>
    <t>ｼﾝﾄｸﾌﾞｯｻﾝ</t>
  </si>
  <si>
    <t>めんみ</t>
  </si>
  <si>
    <t>いつでも新鮮だし贅沢めんみ</t>
  </si>
  <si>
    <t>かつお厚削りつゆ</t>
  </si>
  <si>
    <t>北海道4尺2本_1800</t>
  </si>
  <si>
    <t>チェリー酢</t>
  </si>
  <si>
    <t>ヤマブキ</t>
  </si>
  <si>
    <t>ﾔﾏﾌﾞｷ</t>
  </si>
  <si>
    <t>特濃酢</t>
  </si>
  <si>
    <t>ラーメンサラダ担々ごまだれ</t>
  </si>
  <si>
    <t>タカラ　本みりん　ペット</t>
  </si>
  <si>
    <t>マヨネーズ・ドレッシング</t>
  </si>
  <si>
    <t>あらなみの本にがり</t>
  </si>
  <si>
    <t>赤穂あらなみ塩</t>
  </si>
  <si>
    <t>ｱｺｳｱﾗﾅﾐｼｵ</t>
  </si>
  <si>
    <t>ラウシップ</t>
  </si>
  <si>
    <t>らうす海洋深層水</t>
  </si>
  <si>
    <t>ﾗｳｽｶｲﾖｳ</t>
  </si>
  <si>
    <t>赤穂並塩</t>
  </si>
  <si>
    <t>20kg</t>
  </si>
  <si>
    <t>たんさん重曹</t>
  </si>
  <si>
    <t>焼みょうばん</t>
  </si>
  <si>
    <t>なす即漬けの素</t>
  </si>
  <si>
    <t>沢庵漬の素</t>
  </si>
  <si>
    <t>なす漬けの素</t>
  </si>
  <si>
    <t>白菜漬の素</t>
  </si>
  <si>
    <t>醸源たくあん用</t>
  </si>
  <si>
    <t>大和食品工業</t>
  </si>
  <si>
    <t>ﾀﾞｲﾜｼｮｸﾋﾝ</t>
  </si>
  <si>
    <t>唐辛子サヤ</t>
  </si>
  <si>
    <t>交易食品</t>
  </si>
  <si>
    <t>ｻﾝｺｳﾌﾞｯｻﾝ</t>
  </si>
  <si>
    <t>唐辛子荒切</t>
  </si>
  <si>
    <t>細切昆布</t>
  </si>
  <si>
    <t>ホッカン</t>
  </si>
  <si>
    <t>ﾎｯｶﾝ</t>
  </si>
  <si>
    <t>ビール漬けの素</t>
  </si>
  <si>
    <t>12g×3</t>
  </si>
  <si>
    <t>ﾆｯﾄｳ</t>
  </si>
  <si>
    <t>からし即漬けの素</t>
  </si>
  <si>
    <t>乾燥こうじ</t>
  </si>
  <si>
    <t>服部醸造</t>
  </si>
  <si>
    <t>ﾊｯﾄﾘ</t>
  </si>
  <si>
    <t>塩麹の素</t>
  </si>
  <si>
    <t>キムチハングク</t>
  </si>
  <si>
    <t>熟成ぬか床</t>
  </si>
  <si>
    <t>焼肉のたれ初代</t>
  </si>
  <si>
    <t>焼肉のたれ二代目</t>
  </si>
  <si>
    <t>焼肉ザクだれ旨辛ガーリック</t>
  </si>
  <si>
    <t>スタミナ源たれ瓶</t>
  </si>
  <si>
    <t>上北農産加工農業協同組合</t>
  </si>
  <si>
    <t>ｶﾐｷﾀﾉｳｻﾝ</t>
  </si>
  <si>
    <t>スタミナ源塩焼のたれ</t>
  </si>
  <si>
    <t>JAｶﾐｷﾀ</t>
  </si>
  <si>
    <t>食べあきしないやきにくたれ</t>
  </si>
  <si>
    <t>肉の割烹田村焼肉のたれ</t>
  </si>
  <si>
    <t>わが家は焼肉屋さん贅沢果実</t>
  </si>
  <si>
    <t>黄金の味濃厚焙煎ごま</t>
  </si>
  <si>
    <t>ローストビーフ丼のたれ</t>
  </si>
  <si>
    <t>味の羊ヶ丘ラムのたれ</t>
  </si>
  <si>
    <t>プチっとステーキにんにく醤油味</t>
  </si>
  <si>
    <t>プチっとステーキ玉ねぎ醤油味</t>
  </si>
  <si>
    <t>プルコギのタレ</t>
  </si>
  <si>
    <t>豚みそ焼のたれ</t>
  </si>
  <si>
    <t>ザンギ名人</t>
  </si>
  <si>
    <t>天丼のたれ</t>
  </si>
  <si>
    <t>豚丼のたれ</t>
  </si>
  <si>
    <t>十勝豚丼いっぴん豚丼のたれ</t>
  </si>
  <si>
    <t>十勝みそ豚丼のたれ</t>
  </si>
  <si>
    <t>北海道のたれ屋牛丼のたれ</t>
  </si>
  <si>
    <t>上北農産加工やき鳥のたれ</t>
  </si>
  <si>
    <t>しゃぶしゃぶのたれしょうゆ味</t>
  </si>
  <si>
    <t>しゃぶしゃぶのたれ味噌風味</t>
  </si>
  <si>
    <t>おろししゃぶしゃぶのたれ</t>
  </si>
  <si>
    <t>しゃぶしゃぶのたれ</t>
  </si>
  <si>
    <t>成吉思汗たれ特撰</t>
  </si>
  <si>
    <t>特選成吉思汗のたれ</t>
  </si>
  <si>
    <t>成吉思汗大黒屋ジンギスカンのたれ</t>
  </si>
  <si>
    <t>成吉思汗たれ</t>
  </si>
  <si>
    <t>ソース・ケチャップ</t>
  </si>
  <si>
    <t>ちょっとだけホワイトソース</t>
  </si>
  <si>
    <t>クッキングソースホワイト</t>
  </si>
  <si>
    <t>プロッシモカットトマト</t>
  </si>
  <si>
    <t>ﾌﾟﾛｯｼﾓ</t>
  </si>
  <si>
    <t>中濃ソース徳用</t>
  </si>
  <si>
    <t>とんかつソース徳用</t>
  </si>
  <si>
    <t>浅草もんじゃ焼セット特性ソース味</t>
  </si>
  <si>
    <t>トーカン</t>
  </si>
  <si>
    <t>ﾄｰｶﾝ</t>
  </si>
  <si>
    <t>オーマイザンギミックス</t>
  </si>
  <si>
    <t>北海道4尺3本_1800</t>
  </si>
  <si>
    <t>掘りたてごぼう</t>
  </si>
  <si>
    <t>北海道産皮付切り干し大根</t>
  </si>
  <si>
    <t>シュレン国分</t>
  </si>
  <si>
    <t>ｼｭﾚﾝｺｸﾌﾞ</t>
  </si>
  <si>
    <t>つきごま黒</t>
  </si>
  <si>
    <t>厚釜焼き京花麩</t>
  </si>
  <si>
    <t>厚釜焼ききざみ庄内麩</t>
  </si>
  <si>
    <t>仙台麩あぶら麩スライス袋</t>
  </si>
  <si>
    <t>豆麩</t>
  </si>
  <si>
    <t>色かんぜ麩</t>
  </si>
  <si>
    <t>棒麩</t>
  </si>
  <si>
    <t>1本</t>
  </si>
  <si>
    <t>ひとくちさん</t>
  </si>
  <si>
    <t>鶴羽二重みそ汁用こうや豆腐</t>
  </si>
  <si>
    <t>ﾄｷﾜﾚｲｼｮｸ</t>
  </si>
  <si>
    <t>鶴羽二重こうや豆腐</t>
  </si>
  <si>
    <t>5枚入</t>
  </si>
  <si>
    <t>小豆水煮赤飯用</t>
  </si>
  <si>
    <t>北海道ゆであずき</t>
  </si>
  <si>
    <t>よもぎ粉</t>
  </si>
  <si>
    <t>べこもちの粉</t>
  </si>
  <si>
    <t>坂口製粉所</t>
  </si>
  <si>
    <t>ｻｶｸﾞﾁｾｲﾌﾝ</t>
  </si>
  <si>
    <t>青豆きな粉</t>
  </si>
  <si>
    <t>ｻｶｸﾞﾁ</t>
  </si>
  <si>
    <t>橋谷</t>
  </si>
  <si>
    <t>ﾊｼﾔ</t>
  </si>
  <si>
    <t>北海道産片栗粉</t>
  </si>
  <si>
    <t>糸かつお</t>
  </si>
  <si>
    <t>北海道4尺2本_1800海苔なし●</t>
  </si>
  <si>
    <t>にぼし粉末</t>
  </si>
  <si>
    <t>瀬戸内海産素干しえび</t>
  </si>
  <si>
    <t>かね七たべる小魚袋</t>
  </si>
  <si>
    <t>食べる煮干</t>
  </si>
  <si>
    <t>サカモト塩無添加健康たべる小魚</t>
  </si>
  <si>
    <t>瀬戸内産煮干</t>
  </si>
  <si>
    <t>2.5g×5</t>
  </si>
  <si>
    <t>お徳用花かつお</t>
  </si>
  <si>
    <t>ﾔﾏﾋﾃﾞ</t>
  </si>
  <si>
    <t>中国産芽ひじき</t>
  </si>
  <si>
    <t>韓国産ひじき</t>
  </si>
  <si>
    <t>海藻サラダドレッシング付</t>
  </si>
  <si>
    <t>ヤマナカフーズ</t>
  </si>
  <si>
    <t>ﾔﾏﾅｶﾌｰｽﾞ</t>
  </si>
  <si>
    <t>坂庄物産</t>
  </si>
  <si>
    <t>ｻｶｼｮｳﾌﾞｯｻﾝ</t>
  </si>
  <si>
    <t>純とろ根こんぶ入りとろろ</t>
  </si>
  <si>
    <t>みそ汁の具おふくろの味</t>
  </si>
  <si>
    <t>三陸産生わかめ</t>
  </si>
  <si>
    <t>松栄</t>
  </si>
  <si>
    <t>ﾏﾂｴｲ</t>
  </si>
  <si>
    <t>北海道産生わかめ</t>
  </si>
  <si>
    <t>道南伝統食品協同組合</t>
  </si>
  <si>
    <t>ﾄﾞｳﾅﾝﾃﾞﾝﾄｳ</t>
  </si>
  <si>
    <t>ふえるわかめちゃん北海道わかめ</t>
  </si>
  <si>
    <t>ダイホク</t>
  </si>
  <si>
    <t>ﾀﾞｲﾎｸ</t>
  </si>
  <si>
    <t>棹前昆布一等早煮昆布</t>
  </si>
  <si>
    <t>日高根昆布袋</t>
  </si>
  <si>
    <t>北海道産結びおでん昆布</t>
  </si>
  <si>
    <t>北海道産きざみ昆布</t>
  </si>
  <si>
    <t>北海道産ふのり</t>
  </si>
  <si>
    <t>北海道日高産だし昆布</t>
  </si>
  <si>
    <t>北海道産日高昆布</t>
  </si>
  <si>
    <t>真昆布</t>
  </si>
  <si>
    <t>北海道日高産早煮昆布</t>
  </si>
  <si>
    <t>ホッカン北海道函館産切り出し真昆布</t>
  </si>
  <si>
    <t>北海道日高産切り出し昆布</t>
  </si>
  <si>
    <t>たべたろう利尻昆布</t>
  </si>
  <si>
    <t>北海道4尺1本_1800●</t>
  </si>
  <si>
    <t>磯のり</t>
  </si>
  <si>
    <t>大入りきざみのり</t>
  </si>
  <si>
    <t>ご飯においしい焼のり韓国産</t>
  </si>
  <si>
    <t>のり丸くん焼のり</t>
  </si>
  <si>
    <t>ホッカン味わい焼のり7枚</t>
  </si>
  <si>
    <t>有明海産海苔</t>
  </si>
  <si>
    <t>すしはね</t>
  </si>
  <si>
    <t>全型12枚入</t>
  </si>
  <si>
    <t>はねだし赤2帖</t>
  </si>
  <si>
    <t>全型10枚入×2P</t>
  </si>
  <si>
    <t>焼のり特薦中国産</t>
  </si>
  <si>
    <t>焼きのりお徳用</t>
  </si>
  <si>
    <t>30枚</t>
  </si>
  <si>
    <t>3切焼のり</t>
  </si>
  <si>
    <t>焼のりおにぎり</t>
  </si>
  <si>
    <t>味のりおにぎり</t>
  </si>
  <si>
    <t>焼のり手巻用中国産</t>
  </si>
  <si>
    <t>ご飯においしい味付のりのりのすけ</t>
  </si>
  <si>
    <t>おかずのり紺</t>
  </si>
  <si>
    <t>サンエイ海苔</t>
  </si>
  <si>
    <t>ｻﾝｴｲﾉﾘ</t>
  </si>
  <si>
    <t>マギーコンソメ無添加</t>
  </si>
  <si>
    <t>日高昆布だし彩り</t>
  </si>
  <si>
    <t>北海道羅臼昆布だし</t>
  </si>
  <si>
    <t>ほんだし袋</t>
  </si>
  <si>
    <t>290g×2</t>
  </si>
  <si>
    <t>てんさいオリゴ</t>
  </si>
  <si>
    <t>焚黒糖成形加工黒糖</t>
  </si>
  <si>
    <t>焚黒糖粉末加工黒糖</t>
  </si>
  <si>
    <t>日本甜菜製糖</t>
  </si>
  <si>
    <t>ﾆﾎﾝﾃﾝｻｲ</t>
  </si>
  <si>
    <t>紅一点徳用即席パック</t>
  </si>
  <si>
    <t>22食入</t>
  </si>
  <si>
    <t>とり釜めし味付ごはん付</t>
  </si>
  <si>
    <t>和即席</t>
  </si>
  <si>
    <t>北海道4尺1本_1800簡単あり</t>
  </si>
  <si>
    <t>炭火焼き風とり丼ごはん付き</t>
  </si>
  <si>
    <t>249g</t>
  </si>
  <si>
    <t>ビビンバごはん付</t>
  </si>
  <si>
    <t>254g</t>
  </si>
  <si>
    <t>うちのごはん豚大根のてりうま炒め</t>
  </si>
  <si>
    <t>うちのごはん豚白菜の牡蠣だし醤油</t>
  </si>
  <si>
    <t>バランス食堂豚の玉ねぎ生姜炒めの素</t>
  </si>
  <si>
    <t>バランス食堂なすの肉味噌炒めの素</t>
  </si>
  <si>
    <t>バランス食堂もやしのねぎ味噌炒めの素</t>
  </si>
  <si>
    <t>バランス食堂豚と白菜のうま煮の素</t>
  </si>
  <si>
    <t>今日の大皿豚バラ白菜用</t>
  </si>
  <si>
    <t>純喫茶メシナポリタンライス</t>
  </si>
  <si>
    <t>洋即席・ごはん・おかゆ・餅</t>
  </si>
  <si>
    <t>魯肉飯</t>
  </si>
  <si>
    <t>参鶏湯</t>
  </si>
  <si>
    <t>肉骨茶</t>
  </si>
  <si>
    <t>カオマンガイの素</t>
  </si>
  <si>
    <t>プーパッポンカリーの素</t>
  </si>
  <si>
    <t>ガパオの素</t>
  </si>
  <si>
    <t>辛くないガパオの素</t>
  </si>
  <si>
    <t>ほめDELIパエリアの素</t>
  </si>
  <si>
    <t>チーズリゾットの素</t>
  </si>
  <si>
    <t>1日分の緑黄色野菜のミラノ風ドリアソース3個パック</t>
  </si>
  <si>
    <t>国産低温製法米のおいしいごはん</t>
  </si>
  <si>
    <t>あったかごはん3個パック</t>
  </si>
  <si>
    <t>ふっくらごはんが炊けました5個パック</t>
  </si>
  <si>
    <t>180g×5</t>
  </si>
  <si>
    <t>シングルパック福ふくもち</t>
  </si>
  <si>
    <t>マルシン食品</t>
  </si>
  <si>
    <t>ﾏﾙｼﾝｼｮｸﾋﾝ</t>
  </si>
  <si>
    <t>福ふく餅国内産もち米100%</t>
  </si>
  <si>
    <t>山わさび北海道産山わさび使用</t>
  </si>
  <si>
    <t>北海道4尺1本_2100</t>
  </si>
  <si>
    <t>国産小麦粉使用そうめん</t>
  </si>
  <si>
    <t>十勝そうめん</t>
  </si>
  <si>
    <t>田村製麺工業</t>
  </si>
  <si>
    <t>ﾀﾑﾗｾｲﾒﾝ</t>
  </si>
  <si>
    <t>きたほなみそうめん</t>
  </si>
  <si>
    <t>マルナカ</t>
  </si>
  <si>
    <t>ﾏﾙﾅｶ</t>
  </si>
  <si>
    <t>マルナカきたほなみグリーン</t>
  </si>
  <si>
    <t>マルナカ道産粉グリーン</t>
  </si>
  <si>
    <t>きたほなみひやむぎ</t>
  </si>
  <si>
    <t>国産小麦粉使用うどん</t>
  </si>
  <si>
    <t>蝦夷の雪うどん</t>
  </si>
  <si>
    <t>十勝丸うどん</t>
  </si>
  <si>
    <t>うどんの日</t>
  </si>
  <si>
    <t>きたほなみうどん</t>
  </si>
  <si>
    <t>更科そば</t>
  </si>
  <si>
    <t>マルナカとろろそば</t>
  </si>
  <si>
    <t>十勝細打ちそば</t>
  </si>
  <si>
    <t>みのりそば</t>
  </si>
  <si>
    <t>70gX3</t>
  </si>
  <si>
    <t>北海道育ち幌加内そば</t>
  </si>
  <si>
    <t>藤原製麺</t>
  </si>
  <si>
    <t>ﾌｼﾞﾜﾗｾｲﾒﾝ</t>
  </si>
  <si>
    <t>韃靼蕎麦</t>
  </si>
  <si>
    <t>味のそば</t>
  </si>
  <si>
    <t>150g×3</t>
  </si>
  <si>
    <t>ｵｶﾞﾜｾｲﾒﾝ</t>
  </si>
  <si>
    <t>国産小麦粉使用ひやむぎ</t>
  </si>
  <si>
    <t>マルナカ職人技たくみそば</t>
  </si>
  <si>
    <t>塩ラーメン</t>
  </si>
  <si>
    <t>香港焼そば</t>
  </si>
  <si>
    <t>ダブルラーメン正油</t>
  </si>
  <si>
    <t>ダブルラーメンみそ</t>
  </si>
  <si>
    <t>ダブルラーメンしお</t>
  </si>
  <si>
    <t>ZUBAAANにんにく旨豚醤油3食</t>
  </si>
  <si>
    <t>129gX3P</t>
  </si>
  <si>
    <t>魁力屋監修背脂醤油ラーメン</t>
  </si>
  <si>
    <t>屋台十八番しょうゆ5食</t>
  </si>
  <si>
    <t>475g</t>
  </si>
  <si>
    <t>屋台十八番みそ5食</t>
  </si>
  <si>
    <t>屋台十八番しお5食</t>
  </si>
  <si>
    <t>ブルダック炒め麺5食</t>
  </si>
  <si>
    <t>まんぞくの一杯しょうゆ5食</t>
  </si>
  <si>
    <t>415g</t>
  </si>
  <si>
    <t>まんぞくの一杯みそ5食</t>
  </si>
  <si>
    <t>まんぞくの一杯しお5食</t>
  </si>
  <si>
    <t>天ぷらそば5食</t>
  </si>
  <si>
    <t>93gX5P</t>
  </si>
  <si>
    <t>焼そばやきっぺ5食</t>
  </si>
  <si>
    <t>570g</t>
  </si>
  <si>
    <t>北海道4尺6本_1800</t>
  </si>
  <si>
    <t>まめバラエティパック5食</t>
  </si>
  <si>
    <t>213g</t>
  </si>
  <si>
    <t>スープカレーワンタン</t>
  </si>
  <si>
    <t>大判やきそば弁当</t>
  </si>
  <si>
    <t>北のどん兵衛きつねうどん</t>
  </si>
  <si>
    <t>北のどん兵衛天ぷらそば</t>
  </si>
  <si>
    <t>北のどん兵衛天ぷらうどん</t>
  </si>
  <si>
    <t>やきそば弁当たらこ味バター</t>
  </si>
  <si>
    <t>やきそば弁当ちょい辛</t>
  </si>
  <si>
    <t>やきそば弁当</t>
  </si>
  <si>
    <t>でっかいやきそば弁当</t>
  </si>
  <si>
    <t>258g</t>
  </si>
  <si>
    <t>激めんワンタンメン</t>
  </si>
  <si>
    <t>大吉焼豚しょうゆ</t>
  </si>
  <si>
    <t>おそば屋さんの鴨だしそば</t>
  </si>
  <si>
    <t>98g</t>
  </si>
  <si>
    <t>赤いきつねうどん北海道</t>
  </si>
  <si>
    <t>緑のたぬきそば北海道</t>
  </si>
  <si>
    <t>日清麺職人味噌</t>
  </si>
  <si>
    <t>凄麺札幌濃厚味噌ラーメン</t>
  </si>
  <si>
    <t>凄麺函館塩ラーメン</t>
  </si>
  <si>
    <t>鹿児島産深蒸し茶</t>
  </si>
  <si>
    <t>土倉</t>
  </si>
  <si>
    <t>ﾂﾁｸﾗ</t>
  </si>
  <si>
    <t>あさつゆうまい煎茶</t>
  </si>
  <si>
    <t>宇治園</t>
  </si>
  <si>
    <t>ｳｼﾞｴﾝ</t>
  </si>
  <si>
    <t>鹿児島産スケルトン農家のお茶</t>
  </si>
  <si>
    <t>ﾒｲﾊ</t>
  </si>
  <si>
    <t>焙茶ゴールデン</t>
  </si>
  <si>
    <t>初かおり</t>
  </si>
  <si>
    <t>キングパックパール焙茶</t>
  </si>
  <si>
    <t>抹茶入玄米茶</t>
  </si>
  <si>
    <t>つちくら大入り緑茶ティーバッグ</t>
  </si>
  <si>
    <t>つちくら大入りほうじ茶ティーバッグ</t>
  </si>
  <si>
    <t>つちくら大入り抹茶入り玄米茶ティーバッグ</t>
  </si>
  <si>
    <t>北海道4尺3本_2100</t>
  </si>
  <si>
    <t>角砂糖小袋</t>
  </si>
  <si>
    <t>焼き菓子用チョコチップ</t>
  </si>
  <si>
    <t>ホームメイドスイートチョコ</t>
  </si>
  <si>
    <t>HMアーモンドプードル</t>
  </si>
  <si>
    <t>HM生クルミ</t>
  </si>
  <si>
    <t>HMアーモンドダイス</t>
  </si>
  <si>
    <t>ホームメイドシュガーパウダー</t>
  </si>
  <si>
    <t>ホームメイドフルーツビッツ</t>
  </si>
  <si>
    <t>トリオスプレー</t>
  </si>
  <si>
    <t>デコペンチョコ</t>
  </si>
  <si>
    <t>ハッピーキャンドル</t>
  </si>
  <si>
    <t>20本入</t>
  </si>
  <si>
    <t>共立タンサン</t>
  </si>
  <si>
    <t>25g×2P</t>
  </si>
  <si>
    <t>名店の味純連札幌濃厚みそ</t>
  </si>
  <si>
    <t>100g×2</t>
  </si>
  <si>
    <t>12.6g</t>
  </si>
  <si>
    <t>10食</t>
  </si>
  <si>
    <t>凄麺横浜とんこつ家</t>
  </si>
  <si>
    <t>篠原商店</t>
  </si>
  <si>
    <t>戸田久</t>
  </si>
  <si>
    <t>ﾄﾀﾞｷｭｳ</t>
  </si>
  <si>
    <t>88g</t>
  </si>
  <si>
    <t>かねさだし入りみそ</t>
  </si>
  <si>
    <t>3000g</t>
  </si>
  <si>
    <t>切りいか</t>
  </si>
  <si>
    <t>種入りマスタード</t>
  </si>
  <si>
    <t>オハヨーしゃかたま醤油</t>
  </si>
  <si>
    <t>鷹の爪カレンダー</t>
  </si>
  <si>
    <t>282g</t>
  </si>
  <si>
    <t>454g</t>
  </si>
  <si>
    <t>しいたけ茶</t>
  </si>
  <si>
    <t>つぶあん</t>
  </si>
  <si>
    <t>こしあん</t>
  </si>
  <si>
    <t>106g</t>
  </si>
  <si>
    <t>こんぶだし</t>
  </si>
  <si>
    <t>4g×40P</t>
  </si>
  <si>
    <t>ビミサン</t>
  </si>
  <si>
    <t>テンヨ武田</t>
  </si>
  <si>
    <t>ﾃﾝﾖﾀｹﾀﾞ</t>
  </si>
  <si>
    <t>料理用白だし</t>
  </si>
  <si>
    <t>ﾌｸﾔﾏｼﾞｮｳｿﾞ</t>
  </si>
  <si>
    <t>しゃぶしゃぶもち</t>
  </si>
  <si>
    <t>ごまそば</t>
  </si>
  <si>
    <t>昆布つゆ白だし</t>
  </si>
  <si>
    <t>昆布のおしょう油</t>
  </si>
  <si>
    <t>ﾃﾝﾖ</t>
  </si>
  <si>
    <t>新得そば</t>
  </si>
  <si>
    <t>創味そばつゆ</t>
  </si>
  <si>
    <t>ミントハウス</t>
  </si>
  <si>
    <t>山本貢資商店</t>
  </si>
  <si>
    <t>ﾔﾏﾓﾄｺｳｼﾞ</t>
  </si>
  <si>
    <t>神楽店</t>
  </si>
  <si>
    <t>カップスターカレーうどん</t>
  </si>
  <si>
    <t>北海道3尺12本_1800</t>
  </si>
  <si>
    <t>カップスター海老天そば</t>
  </si>
  <si>
    <t>カップスターきつねうどん</t>
  </si>
  <si>
    <t>BIGだぜ一平ちゃん濃厚味噌ラーメン</t>
  </si>
  <si>
    <t>BIGだぜ一平ちゃん豚骨醤油ラーメン</t>
  </si>
  <si>
    <t>推しの一杯麺屋彩未札幌味噌</t>
  </si>
  <si>
    <t>正麺カップ濃厚味噌</t>
  </si>
  <si>
    <t>ビックキャベツタンメン</t>
  </si>
  <si>
    <t>わかめラーメンごましょうゆ</t>
  </si>
  <si>
    <t>マルちゃん紺のきつねそば</t>
  </si>
  <si>
    <t>北海道3尺3本_1800</t>
  </si>
  <si>
    <t>北海道3尺1本_2100</t>
  </si>
  <si>
    <t>北海道3尺1本_1800</t>
  </si>
  <si>
    <t>北海道3尺2本_1800</t>
  </si>
  <si>
    <t>ハンバーグ作り</t>
  </si>
  <si>
    <t>有機野菜使用のソース</t>
  </si>
  <si>
    <t>糖類カロリー50%カットソース</t>
  </si>
  <si>
    <t>厳選野菜ソース中濃</t>
  </si>
  <si>
    <t>カントリーハーヴェスト中濃ソース</t>
  </si>
  <si>
    <t>ﾀｶﾊｼｿ-ｽ</t>
  </si>
  <si>
    <t>カントリーハーヴェストとんかつソース</t>
  </si>
  <si>
    <t>ハインツグラタンソース</t>
  </si>
  <si>
    <t>1歳からのお好みソース</t>
  </si>
  <si>
    <t>山吹酢</t>
  </si>
  <si>
    <t>まる生Wおろしぽん酢</t>
  </si>
  <si>
    <t>はぼまい昆布ぽんず</t>
  </si>
  <si>
    <t>旨味ぽん酢</t>
  </si>
  <si>
    <t>福泉味付ぽんず</t>
  </si>
  <si>
    <t>福泉産業</t>
  </si>
  <si>
    <t>ﾌｸｲｽﾞﾐ</t>
  </si>
  <si>
    <t>チゲなべつゆ3倍濃縮</t>
  </si>
  <si>
    <t>新得そばのつゆ</t>
  </si>
  <si>
    <t>スープカレー鍋つゆ</t>
  </si>
  <si>
    <t>北海道ふぐだし豆乳仕立て鍋つゆ</t>
  </si>
  <si>
    <t>コク旨スープがからむ悪魔の肉鍋用スープ</t>
  </si>
  <si>
    <t>奥芝商店監修えびだし鍋つゆ</t>
  </si>
  <si>
    <t>トモエ鮭うましゃぶ醤油仕立て</t>
  </si>
  <si>
    <t>プチッと鍋あさり旨塩鍋</t>
  </si>
  <si>
    <t>21g×6P</t>
  </si>
  <si>
    <t>鍋キューブ鶏だしコク醤油</t>
  </si>
  <si>
    <t>北海道3尺2本_2100標準</t>
  </si>
  <si>
    <t>北海道3尺2本_2100</t>
  </si>
  <si>
    <t>鮮度生活北海道昆布しょうゆ塩分カット</t>
  </si>
  <si>
    <t>特級丸大豆醤油</t>
  </si>
  <si>
    <t>昆布しょうゆ贅沢仕上げ</t>
  </si>
  <si>
    <t>道民の醤油北海道丸大豆</t>
  </si>
  <si>
    <t>鮮度生活特選生しょうゆ</t>
  </si>
  <si>
    <t>日高昆布しょうゆ塩分カット</t>
  </si>
  <si>
    <t>はぼまい昆布しょうゆ塩分カット</t>
  </si>
  <si>
    <t>日高昆布しょうゆペット</t>
  </si>
  <si>
    <t>日高昆布しょうゆ塩分カットペット</t>
  </si>
  <si>
    <t>料理酒ペットボトル</t>
  </si>
  <si>
    <t>北海道3尺3本_1800海苔ﾅｼ●23年</t>
  </si>
  <si>
    <t>お徳用削りぶし</t>
  </si>
  <si>
    <t>かね七華けずり</t>
  </si>
  <si>
    <t>国内産芽ひじきドライパック</t>
  </si>
  <si>
    <t>ﾔﾏﾅｶﾌ-ｽﾞ</t>
  </si>
  <si>
    <t>ふじっ子大袋</t>
  </si>
  <si>
    <t>北海道産無添加とろろ昆布</t>
  </si>
  <si>
    <t>タカハシとろろ昆布即</t>
  </si>
  <si>
    <t>北海道3尺2本_1800●23最新</t>
  </si>
  <si>
    <t>山盛り韓国のり</t>
  </si>
  <si>
    <t>12切132枚</t>
  </si>
  <si>
    <t>ｼｰｼﾞｪｰﾌｰｽﾞ</t>
  </si>
  <si>
    <t>味付のり香</t>
  </si>
  <si>
    <t>しじみ海苔</t>
  </si>
  <si>
    <t>前田屋パリパリ卓上</t>
  </si>
  <si>
    <t>10切64枚</t>
  </si>
  <si>
    <t>卓上朝食のり味のり華</t>
  </si>
  <si>
    <t>10切50枚入</t>
  </si>
  <si>
    <t>にんにくなめ茸</t>
  </si>
  <si>
    <t>北海道3尺3本_2100</t>
  </si>
  <si>
    <t>マイユディジョンマスタード</t>
  </si>
  <si>
    <t>マスタードスクイズパック</t>
  </si>
  <si>
    <t>青柚子こしょうチューブ</t>
  </si>
  <si>
    <t>七味唐がらし</t>
  </si>
  <si>
    <t>ゆず</t>
  </si>
  <si>
    <t>小さめカットのおもち</t>
  </si>
  <si>
    <t>ごはんきらら3食パック</t>
  </si>
  <si>
    <t>北海道3尺2本_1650</t>
  </si>
  <si>
    <t>北海道3尺5本_1800</t>
  </si>
  <si>
    <t>北海道3尺2本_2100屯田</t>
  </si>
  <si>
    <t>煎茶天玉</t>
  </si>
  <si>
    <t>加賀棒ほうじ茶</t>
  </si>
  <si>
    <t>十勝ひやむぎ</t>
  </si>
  <si>
    <t>本造りそうめん</t>
  </si>
  <si>
    <t>75gX4</t>
  </si>
  <si>
    <t>北海道育ち江丹別そば</t>
  </si>
  <si>
    <t>73g</t>
  </si>
  <si>
    <t>東北</t>
  </si>
  <si>
    <t>喜久田店</t>
  </si>
  <si>
    <t>東北3尺1本_1800関東パターン</t>
  </si>
  <si>
    <t>東北3尺1本_2100喜久田</t>
  </si>
  <si>
    <t>東北3尺1本_2100関東パターン</t>
  </si>
  <si>
    <t>東北3尺1本_1800【酒】関東パタ</t>
  </si>
  <si>
    <t>東北3尺1本_2100福島</t>
  </si>
  <si>
    <t>まろやか醤油</t>
  </si>
  <si>
    <t>新コマツ上級醤油</t>
  </si>
  <si>
    <t>東北3尺1本_1800福島</t>
  </si>
  <si>
    <t>生糀みそカップ白</t>
  </si>
  <si>
    <t>会津天寳醸造</t>
  </si>
  <si>
    <t>ｱｲﾂﾞﾃﾝﾎﾟｳ</t>
  </si>
  <si>
    <t>白虎みそ</t>
  </si>
  <si>
    <t>八百匁田舎糀</t>
  </si>
  <si>
    <t>ｱｲｽﾞﾃﾝﾎﾟｳ</t>
  </si>
  <si>
    <t>東北3尺1本_1800</t>
  </si>
  <si>
    <t>だい久製麺</t>
  </si>
  <si>
    <t>ﾀﾞｲｷｭｳｾｲﾒﾝ</t>
  </si>
  <si>
    <t>そば屋の味</t>
  </si>
  <si>
    <t>東北3尺2本_1800</t>
  </si>
  <si>
    <t>東北3尺2本1800関東パターン</t>
  </si>
  <si>
    <t>東北3尺1本_1800簡単調理無関東</t>
  </si>
  <si>
    <t>カップdeごはん麻婆豆腐辛口</t>
  </si>
  <si>
    <t>107.4g</t>
  </si>
  <si>
    <t>カップdeごはん麻婆豆腐中辛</t>
  </si>
  <si>
    <t>カレーメシビーフ</t>
  </si>
  <si>
    <t>東北3尺2本_2100関東パターン</t>
  </si>
  <si>
    <t>やさしい味わいの丸ごと鶏だし</t>
  </si>
  <si>
    <t>東北3尺2本_1800関東パターン</t>
  </si>
  <si>
    <t>マインクラフトカレーPC甘口</t>
  </si>
  <si>
    <t>ハッシュドビーフ</t>
  </si>
  <si>
    <t>東北3尺3本1800</t>
  </si>
  <si>
    <t>東北3尺2本_1800関東パターン●</t>
  </si>
  <si>
    <t>2g×8P</t>
  </si>
  <si>
    <t>東北3尺2本_2100</t>
  </si>
  <si>
    <t>【東北2】3尺2本_2100関東パター</t>
  </si>
  <si>
    <t>東北3尺1本1800</t>
  </si>
  <si>
    <t>東北3尺2本1800関東分割</t>
  </si>
  <si>
    <t>東北3尺3本_2100関東パターン</t>
  </si>
  <si>
    <t>50本でこの値段</t>
  </si>
  <si>
    <t>3g×50P</t>
  </si>
  <si>
    <t>東北3尺1本_2100</t>
  </si>
  <si>
    <t>素材そのままシーチキンマイルドSP3</t>
  </si>
  <si>
    <t>東北3尺2本_2100【福島】</t>
  </si>
  <si>
    <t>清鶴麺そうめん</t>
  </si>
  <si>
    <t>あらい屋製麺所</t>
  </si>
  <si>
    <t>ｱﾗｲﾔｾｲﾒﾝ</t>
  </si>
  <si>
    <t>清鶴麺冷麦</t>
  </si>
  <si>
    <t>清鶴麺細うどん</t>
  </si>
  <si>
    <t>清鶴麺うどん</t>
  </si>
  <si>
    <t>屋台十八番なま味しょうゆ5食</t>
  </si>
  <si>
    <t>東北3尺5本_1800関東パターン</t>
  </si>
  <si>
    <t>東北4尺2本1800関東分割</t>
  </si>
  <si>
    <t>南北海道</t>
  </si>
  <si>
    <t>北美原店</t>
  </si>
  <si>
    <t>北海道3尺2本2100</t>
  </si>
  <si>
    <t>北海道3尺3本_2100海苔なし●</t>
  </si>
  <si>
    <t>北海道3尺1本_1800●</t>
  </si>
  <si>
    <t>北海道3尺8本_1800</t>
  </si>
  <si>
    <t>北海道3尺2本_1800北美原</t>
  </si>
  <si>
    <t>静岡園</t>
  </si>
  <si>
    <t>ｼｽﾞｵｶｴﾝ</t>
  </si>
  <si>
    <t>首都圏</t>
  </si>
  <si>
    <t>騎西店</t>
  </si>
  <si>
    <t>関東4尺2本_1800標準</t>
  </si>
  <si>
    <t>だし入り料亭の味</t>
  </si>
  <si>
    <t>375g</t>
  </si>
  <si>
    <t>だし入り料亭減塩カップ</t>
  </si>
  <si>
    <t>献立いろいろみそ</t>
  </si>
  <si>
    <t>親父の肴旨辛にんにくみそ</t>
  </si>
  <si>
    <t>信州山吹味噌650g</t>
  </si>
  <si>
    <t>山吹塩分ひかえめ</t>
  </si>
  <si>
    <t>山吹味噌無添加コクとかおり</t>
  </si>
  <si>
    <t>無添加みそこだわってます</t>
  </si>
  <si>
    <t>信濃育ち</t>
  </si>
  <si>
    <t>山高味噌</t>
  </si>
  <si>
    <t>ﾔﾏﾀｶﾐｿ</t>
  </si>
  <si>
    <t>信州白こし</t>
  </si>
  <si>
    <t>関東4尺2本_1800栃木・群馬・埼</t>
  </si>
  <si>
    <t>特撰丸大豆醤油二段熟成</t>
  </si>
  <si>
    <t>ヒゲタたまごかけご飯にどうぞ</t>
  </si>
  <si>
    <t>無添加国産しょうゆ</t>
  </si>
  <si>
    <t>特選国産丸大豆醤油</t>
  </si>
  <si>
    <t>土佐しょうゆ</t>
  </si>
  <si>
    <t>紫峰醤油</t>
  </si>
  <si>
    <t>柴沼醤油醸造</t>
  </si>
  <si>
    <t>ｼﾊﾞﾇﾏｼｮｳﾕ</t>
  </si>
  <si>
    <t>徳用醤油</t>
  </si>
  <si>
    <t>つゆ・ポン酢</t>
  </si>
  <si>
    <t>関東・小型4尺1本_1800</t>
  </si>
  <si>
    <t>関東4尺2本_4+2尺_1800騎西</t>
  </si>
  <si>
    <t>関東4尺1本_1800</t>
  </si>
  <si>
    <t>関東・小型4尺1本1800</t>
  </si>
  <si>
    <t>無添加焼き肉のたれ</t>
  </si>
  <si>
    <t>味研</t>
  </si>
  <si>
    <t>ｱｼﾞｹﾝ</t>
  </si>
  <si>
    <t>焼肉のタレ</t>
  </si>
  <si>
    <t>関東4尺1本_糖塩漬物風味_1800</t>
  </si>
  <si>
    <t>風味調味料かつおだし</t>
  </si>
  <si>
    <t>風味調味料にぼしだし</t>
  </si>
  <si>
    <t>5g×12</t>
  </si>
  <si>
    <t>関東4尺2本_1800●</t>
  </si>
  <si>
    <t>海鮮たっぷりみそ汁の具</t>
  </si>
  <si>
    <t>伊勢志摩産カットわかめ</t>
  </si>
  <si>
    <t>関東4尺1本_1800●</t>
  </si>
  <si>
    <t>手巻海苔</t>
  </si>
  <si>
    <t>有明海産焼のり赤</t>
  </si>
  <si>
    <t>有明海産焼のり紫</t>
  </si>
  <si>
    <t>焼海苔有明海産</t>
  </si>
  <si>
    <t>焼のりおにぎり用</t>
  </si>
  <si>
    <t>関東4尺3本_1800</t>
  </si>
  <si>
    <t>こうや豆腐うすぎり</t>
  </si>
  <si>
    <t>北海道産紫花豆</t>
  </si>
  <si>
    <t>関東4尺2本_1800</t>
  </si>
  <si>
    <t>関東・小型4尺1本1800簡単有</t>
  </si>
  <si>
    <t>関東4尺2本_2100実験</t>
  </si>
  <si>
    <t>ヨッポギチーズ味</t>
  </si>
  <si>
    <t>ヘテパシフィック</t>
  </si>
  <si>
    <t>ﾍﾃﾊﾟｼﾌｨｯｸ</t>
  </si>
  <si>
    <t>ヨッポギ甘辛味</t>
  </si>
  <si>
    <t>すき焼き春雨</t>
  </si>
  <si>
    <t>菜館甘口唐辛子パウダー</t>
  </si>
  <si>
    <t>菜館豆鼓</t>
  </si>
  <si>
    <t>菜館フライドオニオン油葱酥</t>
  </si>
  <si>
    <t>炒飯の素</t>
  </si>
  <si>
    <t>あみ印食品工業</t>
  </si>
  <si>
    <t>ｱﾐｼﾞﾙｼ</t>
  </si>
  <si>
    <t>関東4尺1本_1800実験</t>
  </si>
  <si>
    <t>関東4尺7本_1800</t>
  </si>
  <si>
    <t>元祖ニュータンタンメン本舗タンタンメンタテビッグ</t>
  </si>
  <si>
    <t>ｻﾝﾖ-ｼﾖｸﾋﾝ</t>
  </si>
  <si>
    <t>サッポロ一番しょうゆ</t>
  </si>
  <si>
    <t>ご当地熱愛麺元祖ニュータンタンメン本舗監修タンタンメン3食パック</t>
  </si>
  <si>
    <t>関東4尺2本_2100【群馬】</t>
  </si>
  <si>
    <t>信州手振りそば</t>
  </si>
  <si>
    <t>上州ひもかわ</t>
  </si>
  <si>
    <t>館林うどん麺三昧</t>
  </si>
  <si>
    <t>館林うどん</t>
  </si>
  <si>
    <t>ﾀﾃﾊﾞﾔｼｳﾄﾞﾝ</t>
  </si>
  <si>
    <t>ラーメン山岡家醤油ラーメン</t>
  </si>
  <si>
    <t>関東4尺2本_2100</t>
  </si>
  <si>
    <t>関東4尺2本_1800つくば</t>
  </si>
  <si>
    <t>国内産100%ほうじ茶</t>
  </si>
  <si>
    <t>西花輪店</t>
  </si>
  <si>
    <t>関東・小型4尺1本_1800【山梨】</t>
  </si>
  <si>
    <t>塩ぽん酢</t>
  </si>
  <si>
    <t>関東4尺1本_1800【山梨】</t>
  </si>
  <si>
    <t>美味ポン酢</t>
  </si>
  <si>
    <t>関東4尺1本_1800【酒】</t>
  </si>
  <si>
    <t>関東4尺1本_1800山梨</t>
  </si>
  <si>
    <t>米こうじみそ</t>
  </si>
  <si>
    <t>特選しょうゆ450ml</t>
  </si>
  <si>
    <t>特選醤油</t>
  </si>
  <si>
    <t>信州味噌漬けの素</t>
  </si>
  <si>
    <t>関東4尺1本_1800_関東</t>
  </si>
  <si>
    <t>十勝大地のオリゴ</t>
  </si>
  <si>
    <t>ﾐﾝﾄﾊｳｽ</t>
  </si>
  <si>
    <t>あらじお</t>
  </si>
  <si>
    <t>1．1kg</t>
  </si>
  <si>
    <t>東京ソルト</t>
  </si>
  <si>
    <t>ﾄｳｷﾖｳｿﾙﾄ</t>
  </si>
  <si>
    <t>小型関東4尺1本_1800</t>
  </si>
  <si>
    <t>関東・小型関東4尺1本_1800●</t>
  </si>
  <si>
    <t>関東4尺3本_1800【山梨】</t>
  </si>
  <si>
    <t>安倍川きな粉</t>
  </si>
  <si>
    <t>ｵｵｶﾜ</t>
  </si>
  <si>
    <t>スパイスカレーの匠チキンカレー</t>
  </si>
  <si>
    <t>73.2g</t>
  </si>
  <si>
    <t>関東4尺1本_2100</t>
  </si>
  <si>
    <t>関東4尺5本_1800</t>
  </si>
  <si>
    <t>関東4尺3本_2100</t>
  </si>
  <si>
    <t>関東4尺2本_1800西花輪</t>
  </si>
  <si>
    <t>八戸店</t>
  </si>
  <si>
    <t>東北4尺2本_1800青森</t>
  </si>
  <si>
    <t>減塩追いこうじみそ</t>
  </si>
  <si>
    <t>仙台みそ国産生</t>
  </si>
  <si>
    <t>かねさ糀つぶみそ</t>
  </si>
  <si>
    <t>マルサ特選白こし</t>
  </si>
  <si>
    <t>純正こうじ</t>
  </si>
  <si>
    <t>純正こうじ減塩</t>
  </si>
  <si>
    <t>山高味噌秘蔵みそ限定醸造品</t>
  </si>
  <si>
    <t>善光寺平白</t>
  </si>
  <si>
    <t>善光寺平赤</t>
  </si>
  <si>
    <t>糀つぶみそ</t>
  </si>
  <si>
    <t>マルサ特選糀粒角タル</t>
  </si>
  <si>
    <t>マルサ特撰白こし角タル</t>
  </si>
  <si>
    <t>マルサ特選赤こし角タル</t>
  </si>
  <si>
    <t>東北4尺2本_2100【青森】</t>
  </si>
  <si>
    <t>超特選しょうゆ</t>
  </si>
  <si>
    <t>特級本醸造減塩醤油</t>
  </si>
  <si>
    <t>減塩こんぶしょうゆ</t>
  </si>
  <si>
    <t>農産健骨醤油</t>
  </si>
  <si>
    <t>上級グローリィ</t>
  </si>
  <si>
    <t>特級しょう油</t>
  </si>
  <si>
    <t>山田の醤油</t>
  </si>
  <si>
    <t>びはんコーポレーション</t>
  </si>
  <si>
    <t>ﾋﾞﾊﾝCorp</t>
  </si>
  <si>
    <t>上級ハイカンあまくちしょうゆ</t>
  </si>
  <si>
    <t>東北4尺2本_1800</t>
  </si>
  <si>
    <t>八方汁</t>
  </si>
  <si>
    <t>比内地鶏スープ</t>
  </si>
  <si>
    <t>浅利佐助商店</t>
  </si>
  <si>
    <t>ｱｻﾘｻｽｹ</t>
  </si>
  <si>
    <t>仙葉商店塩魚汁</t>
  </si>
  <si>
    <t>仙葉善治商店</t>
  </si>
  <si>
    <t>ｾﾝﾊﾞｾﾞﾝｼﾞ</t>
  </si>
  <si>
    <t>万能つゆ味どうらくの里</t>
  </si>
  <si>
    <t>東北醤油</t>
  </si>
  <si>
    <t>ﾄｳﾎｸｼｮｳﾕ</t>
  </si>
  <si>
    <t>万能白つゆかくし味</t>
  </si>
  <si>
    <t>なべしゃぶ柑橘醤油つゆ</t>
  </si>
  <si>
    <t>昆布つゆ3倍濃縮</t>
  </si>
  <si>
    <t>東北4尺1本_1800</t>
  </si>
  <si>
    <t>三倍酢</t>
  </si>
  <si>
    <t>本みりん富貴ペット</t>
  </si>
  <si>
    <t>合同酒精</t>
  </si>
  <si>
    <t>ｺﾞｳﾄﾞｳｼｭｾｲ</t>
  </si>
  <si>
    <t>大地の恵み黒砂糖</t>
  </si>
  <si>
    <t>宮崎商店</t>
  </si>
  <si>
    <t>ﾐﾔｻﾞｷｼｮｳﾃﾝ</t>
  </si>
  <si>
    <t>1/2上白糖</t>
  </si>
  <si>
    <t>ﾊﾟｰﾙｴｰｽ</t>
  </si>
  <si>
    <t>Sシロップ</t>
  </si>
  <si>
    <t>ﾗｶﾝﾄ</t>
  </si>
  <si>
    <t>北海道てんさいオリゴ黒</t>
  </si>
  <si>
    <t>960ｇ</t>
  </si>
  <si>
    <t>ビオリゴ</t>
  </si>
  <si>
    <t>食物繊維入りオリゴ糖</t>
  </si>
  <si>
    <t>立花養蜂</t>
  </si>
  <si>
    <t>ﾀﾁﾊﾞﾅﾖｳﾎｳ</t>
  </si>
  <si>
    <t>ととのえオリゴ乳酸菌</t>
  </si>
  <si>
    <t>本きび赤糖</t>
  </si>
  <si>
    <t>石垣島のおいしいお砂糖</t>
  </si>
  <si>
    <t>ﾃﾞｨｰｴﾑﾐﾂｲｾ</t>
  </si>
  <si>
    <t>東北4尺2本_2100</t>
  </si>
  <si>
    <t>20g×2P</t>
  </si>
  <si>
    <t>浅漬けの素まろやか甘酢</t>
  </si>
  <si>
    <t>浅漬けの素鰹と昆布</t>
  </si>
  <si>
    <t>キムチ漬けの素</t>
  </si>
  <si>
    <t>ビール酵母入りぜいたくぬか</t>
  </si>
  <si>
    <t>ぬかみそがらし</t>
  </si>
  <si>
    <t>チヨダ</t>
  </si>
  <si>
    <t>ﾁﾖﾀﾞ</t>
  </si>
  <si>
    <t>昆布入り唐辛子</t>
  </si>
  <si>
    <t>東北4尺3本_1800</t>
  </si>
  <si>
    <t>東北4尺2本1800</t>
  </si>
  <si>
    <t>本日の逸品四川風麻婆豆腐</t>
  </si>
  <si>
    <t>本日の逸品麻婆茄子中辛</t>
  </si>
  <si>
    <t>本日の逸品ふんわりかに玉</t>
  </si>
  <si>
    <t>レンジで神うま神豚チャーシュー</t>
  </si>
  <si>
    <t>うちのごはんごちそうレンジの素豚じゃがガーリック醤油</t>
  </si>
  <si>
    <t>うちのごはんトマトチキン香ばしガーリック</t>
  </si>
  <si>
    <t>鮭めしの素</t>
  </si>
  <si>
    <t>ひじき五目釜飯の素</t>
  </si>
  <si>
    <t>期間限定松茸釜めしの素</t>
  </si>
  <si>
    <t>期間限定鮭貝柱釜めしの素</t>
  </si>
  <si>
    <t>生姜が香るあさり釜めしの素</t>
  </si>
  <si>
    <t>166g</t>
  </si>
  <si>
    <t>紀州南高梅梅ひじき釜めしの素</t>
  </si>
  <si>
    <t>おふくろの味ひじき煮</t>
  </si>
  <si>
    <t>おふくろの味金平ごぼう</t>
  </si>
  <si>
    <t>さけぞうすいの素</t>
  </si>
  <si>
    <t>うちのごはんとろける豆腐ごま白味噌スープ</t>
  </si>
  <si>
    <t>うちのごはん豚とキャベツの旨とろ白湯スープ</t>
  </si>
  <si>
    <t>うちのごはんやわらか鶏とねぎの塩糀スープ</t>
  </si>
  <si>
    <t>HaoHaoTomChuaCay</t>
  </si>
  <si>
    <t>ポークフェイジョアーダ</t>
  </si>
  <si>
    <t>830g</t>
  </si>
  <si>
    <t>ｲﾏｲ</t>
  </si>
  <si>
    <t>フレッシュロールライスペーパー</t>
  </si>
  <si>
    <t>タンダット</t>
  </si>
  <si>
    <t>タンダットビーフンブントゥイコー</t>
  </si>
  <si>
    <t>ライスヌードルバンフォー</t>
  </si>
  <si>
    <t>ココナッツウォーターココフレッシュ</t>
  </si>
  <si>
    <t>Vinamilk</t>
  </si>
  <si>
    <t>ｳﾞｨﾅ</t>
  </si>
  <si>
    <t>シーズニングディッピング</t>
  </si>
  <si>
    <t>パンシットカントンチリマンシー</t>
  </si>
  <si>
    <t>ユニクローバー</t>
  </si>
  <si>
    <t>パンシットカントンカラマンシー</t>
  </si>
  <si>
    <t>パンシットカントンホットチリ</t>
  </si>
  <si>
    <t>東北4尺1本_2100</t>
  </si>
  <si>
    <t>東北青森4尺1本_2100八戸</t>
  </si>
  <si>
    <t>やき鳥のたれ　ボトル　530g</t>
  </si>
  <si>
    <t>530g</t>
  </si>
  <si>
    <t>にんにく大渋滞たれ</t>
  </si>
  <si>
    <t>ｻﾜﾀﾞﾌｧｰﾑ</t>
  </si>
  <si>
    <t>青森にんにくのたれ</t>
  </si>
  <si>
    <t>ベルサイユの薔華ったれ</t>
  </si>
  <si>
    <t>スタミナ源たれ</t>
  </si>
  <si>
    <t>スタミナ源たれソフト　410g</t>
  </si>
  <si>
    <t>スタミナ源塩焼きのたれ</t>
  </si>
  <si>
    <t>辛味家</t>
  </si>
  <si>
    <t>北海道じゃがマッシュプレーン</t>
  </si>
  <si>
    <t>ｶﾙﾋﾞｰﾎﾟﾃﾄ</t>
  </si>
  <si>
    <t>パン専用小麦粉</t>
  </si>
  <si>
    <t>府金こなやさんのすいとんこ</t>
  </si>
  <si>
    <t>府金製粉</t>
  </si>
  <si>
    <t>ﾌｶﾞﾈｾｲﾌﾝ</t>
  </si>
  <si>
    <t>すいとん粉</t>
  </si>
  <si>
    <t>専門店の味牛すじコンニャク煮</t>
  </si>
  <si>
    <t>お好焼粉</t>
  </si>
  <si>
    <t>ふわっととろっお好み焼粉</t>
  </si>
  <si>
    <t>きずのり</t>
  </si>
  <si>
    <t>寿司はね</t>
  </si>
  <si>
    <t>焼海苔緑</t>
  </si>
  <si>
    <t>12切5枚入50P</t>
  </si>
  <si>
    <t>味付ねりくるみ</t>
  </si>
  <si>
    <t>味付ねりごま</t>
  </si>
  <si>
    <t>くるみあん</t>
  </si>
  <si>
    <t>オノデラ食品</t>
  </si>
  <si>
    <t>ｵﾉﾃﾞﾗｼｮｸﾋﾝ</t>
  </si>
  <si>
    <t>ずんだあん</t>
  </si>
  <si>
    <t>ごまあん</t>
  </si>
  <si>
    <t>山くるみ</t>
  </si>
  <si>
    <t>松田製粉</t>
  </si>
  <si>
    <t>ﾏﾂﾀﾞｾｲﾌﾝ</t>
  </si>
  <si>
    <t>青ばたきな粉</t>
  </si>
  <si>
    <t>きり麩</t>
  </si>
  <si>
    <t>塚原麸店</t>
  </si>
  <si>
    <t>ﾂｶﾊﾗﾌﾃﾝ</t>
  </si>
  <si>
    <t>徳用板麩</t>
  </si>
  <si>
    <t>南部切板麩</t>
  </si>
  <si>
    <t>鶴羽二重高野豆腐</t>
  </si>
  <si>
    <t>JMAタイ風グリーンカレー</t>
  </si>
  <si>
    <t>混ぜ込みわかめたらこ</t>
  </si>
  <si>
    <t>東北4尺1本_2100八戸</t>
  </si>
  <si>
    <t>あったかごはん秋田県あきたこまち3個パック</t>
  </si>
  <si>
    <t>東北4尺3本_2100</t>
  </si>
  <si>
    <t>マルちゃんZUBAAAN豚骨魚介中華そば</t>
  </si>
  <si>
    <t>ご当地熱愛麺元祖ニュータンタンメン本舗監修タンタンメン</t>
  </si>
  <si>
    <t>チャルメラ味噌ラーメン</t>
  </si>
  <si>
    <t>日清ラ王担々麺3食パック</t>
  </si>
  <si>
    <t>ZUBAAAN豚骨魚介中華そば3食</t>
  </si>
  <si>
    <t>116gX3P</t>
  </si>
  <si>
    <t>チャルメラ塩ラ-メン</t>
  </si>
  <si>
    <t>ナンバーワンうどん</t>
  </si>
  <si>
    <t>ひっぱりうどん</t>
  </si>
  <si>
    <t>とろろうどん</t>
  </si>
  <si>
    <t>200ｇ</t>
  </si>
  <si>
    <t>小山製麺</t>
  </si>
  <si>
    <t>ｵﾔﾏｾｲﾒﾝ</t>
  </si>
  <si>
    <t>ひっぱりそば</t>
  </si>
  <si>
    <t>南部味そば</t>
  </si>
  <si>
    <t>土川そば</t>
  </si>
  <si>
    <t>土川製麺</t>
  </si>
  <si>
    <t>ﾂﾁｶﾜｾｲﾒﾝ</t>
  </si>
  <si>
    <t>東北4尺4本_1800</t>
  </si>
  <si>
    <t>東北4尺4本_2100</t>
  </si>
  <si>
    <t>トワイニングカフェインレスアールグレイ</t>
  </si>
  <si>
    <t>ゴールドブレンドカフェインハーフスティックブラック</t>
  </si>
  <si>
    <t>GBカフェインハーフエコ＆システムパック</t>
  </si>
  <si>
    <t>18P</t>
  </si>
  <si>
    <t>ドルチェグストアイスコーヒー</t>
  </si>
  <si>
    <t>ドルチェグストカプセルｺｰﾋｰﾃﾝオレ</t>
  </si>
  <si>
    <t>ドルチェグストチョコチーノ</t>
  </si>
  <si>
    <t>東北4尺2本_2100八戸</t>
  </si>
  <si>
    <t>東関西</t>
  </si>
  <si>
    <t>東九条店</t>
  </si>
  <si>
    <t>関西3尺2本_1800SMART</t>
  </si>
  <si>
    <t>関西3尺3本_1800SMART</t>
  </si>
  <si>
    <t>混ぜ込みわかめ枝豆</t>
  </si>
  <si>
    <t>ごはんにまぜて6色の野菜</t>
  </si>
  <si>
    <t>田中食品ごはんにまぜて若菜と昆布</t>
  </si>
  <si>
    <t>ソフトふりかけさつまいも</t>
  </si>
  <si>
    <t>磯じまんのりのり</t>
  </si>
  <si>
    <t>いわししょうゆ味付</t>
  </si>
  <si>
    <t>アメリカンレリッシュ瓶</t>
  </si>
  <si>
    <t>スウィートピクルス</t>
  </si>
  <si>
    <t>まぐろと天然水だけのシーチキン純SP3</t>
  </si>
  <si>
    <t>関西3尺2本_1800</t>
  </si>
  <si>
    <t>関西3尺1本_1800</t>
  </si>
  <si>
    <t>関西3尺9本_1800SMART</t>
  </si>
  <si>
    <t>QTTAミルキーシーフード味</t>
  </si>
  <si>
    <t>凄麺奈良天理スタミナラーメン</t>
  </si>
  <si>
    <t>日清のどん兵衛鬼かき揚げうどん</t>
  </si>
  <si>
    <t>関西3尺3本_1800</t>
  </si>
  <si>
    <t>宇治抹茶</t>
  </si>
  <si>
    <t>宇治抹茶グリーンティー</t>
  </si>
  <si>
    <t>浅蒸し香り大和茶</t>
  </si>
  <si>
    <t>関西3尺7本_1800SMART</t>
  </si>
  <si>
    <t>ドルチェグストレギュラーブレンド</t>
  </si>
  <si>
    <t>ドルチェグストカプセルリッチ</t>
  </si>
  <si>
    <t>スターバックスアイスアメリカーノドルチェグスト専用カプセル</t>
  </si>
  <si>
    <t>ダージリン</t>
  </si>
  <si>
    <t>厄上りそうめん</t>
  </si>
  <si>
    <t>寒造そうめん袋</t>
  </si>
  <si>
    <t>三輪の神糸</t>
  </si>
  <si>
    <t>本とろろそば</t>
  </si>
  <si>
    <t>国内産小麦讃岐うどん</t>
  </si>
  <si>
    <t>みわび長崎五島手延べうどん</t>
  </si>
  <si>
    <t>関西3尺2本_1800●</t>
  </si>
  <si>
    <t>大森印12束</t>
  </si>
  <si>
    <t>12切5枚</t>
  </si>
  <si>
    <t>ぱりうま焼のり</t>
  </si>
  <si>
    <t>味付卓上70</t>
  </si>
  <si>
    <t>12切70枚</t>
  </si>
  <si>
    <t>オーマイプラス糖質50%オフパスタ</t>
  </si>
  <si>
    <t>関西3尺3本_1800_SMART</t>
  </si>
  <si>
    <t>関西3尺1本_1800_7段</t>
  </si>
  <si>
    <t>千鳥酢　瓶</t>
  </si>
  <si>
    <t>村山造酢</t>
  </si>
  <si>
    <t>ﾑﾗﾔﾏｿﾞｳｽ</t>
  </si>
  <si>
    <t>関西3尺1本_1800SMART</t>
  </si>
  <si>
    <t>関西3尺3本_1800●</t>
  </si>
  <si>
    <t>伊勢ちゃんひじき</t>
  </si>
  <si>
    <t>チョレギ海藻サラダ塩だれ付</t>
  </si>
  <si>
    <t>ちりめん</t>
  </si>
  <si>
    <t>カクサ</t>
  </si>
  <si>
    <t>ｶｸｻ</t>
  </si>
  <si>
    <t>6g×7</t>
  </si>
  <si>
    <t>いりこだし</t>
  </si>
  <si>
    <t>関西3尺2本_1800標準</t>
  </si>
  <si>
    <t>からあげグランプリから揚げ粉香ばししょうゆガーリック風味</t>
  </si>
  <si>
    <t>からあげグランプから揚げ粉香ばししょうゆ味</t>
  </si>
  <si>
    <t>関西3尺4本_1800SMART</t>
  </si>
  <si>
    <t>アッサクふ</t>
  </si>
  <si>
    <t>朝漬けの素からし漬け</t>
  </si>
  <si>
    <t>浅漬けの素ナス漬け</t>
  </si>
  <si>
    <t>80g×4P</t>
  </si>
  <si>
    <t>唐がらしタカノ爪</t>
  </si>
  <si>
    <t>ぬかっぺ</t>
  </si>
  <si>
    <t>酔鯨酒造</t>
  </si>
  <si>
    <t>ｽｲｹﾞｲｼｭｿﾞｳ</t>
  </si>
  <si>
    <t>角寒天短縮赤</t>
  </si>
  <si>
    <t>さくらあんドライ餡</t>
  </si>
  <si>
    <t>マエダ</t>
  </si>
  <si>
    <t>ﾏｴﾀﾞ</t>
  </si>
  <si>
    <t>たっぷり野菜のミネストローネ用ソース</t>
  </si>
  <si>
    <t>串かつソース</t>
  </si>
  <si>
    <t>大黒屋</t>
  </si>
  <si>
    <t>ﾀﾞｲｺｸﾔ</t>
  </si>
  <si>
    <t>激辛スパイスソース</t>
  </si>
  <si>
    <t>焼そばソース関西</t>
  </si>
  <si>
    <t>鶴橋風月特製お好み焼きソース</t>
  </si>
  <si>
    <t>千房お好み焼ソース</t>
  </si>
  <si>
    <t>千房</t>
  </si>
  <si>
    <t>ﾁﾎﾞｳﾎｰﾙﾃﾞｨ</t>
  </si>
  <si>
    <t>もんくたれ甘口</t>
  </si>
  <si>
    <t>もんくたれ本舗</t>
  </si>
  <si>
    <t>ﾓﾝｸﾀﾚﾎﾝﾎﾟ</t>
  </si>
  <si>
    <t>名店監修鍋の素天下一品京都鶏白湯味</t>
  </si>
  <si>
    <t>プチッと鍋豆乳ごま鍋</t>
  </si>
  <si>
    <t>横綱監修鍋スープ豚骨醤油味</t>
  </si>
  <si>
    <t>リンガーハットのちゃんぽん鍋スープ</t>
  </si>
  <si>
    <t>リンガーハット</t>
  </si>
  <si>
    <t>ﾘﾝｶﾞｰﾌｰｽﾞ</t>
  </si>
  <si>
    <t>大阪うどんすき鍋つゆ</t>
  </si>
  <si>
    <t>難波肉吸い鍋つゆ</t>
  </si>
  <si>
    <t>揖保のつゆ瓶</t>
  </si>
  <si>
    <t>京の和風だし</t>
  </si>
  <si>
    <t>香りソルト4種のペパーミクス</t>
  </si>
  <si>
    <t>ホッピービバレッジ</t>
  </si>
  <si>
    <t>エクストラバージンオリーブオイル山のオリーバ</t>
  </si>
  <si>
    <t>そらみつ</t>
  </si>
  <si>
    <t>ｿﾗﾐﾂ</t>
  </si>
  <si>
    <t>エクストラバージンオリーブオイルオリーバプレミアオーガニック</t>
  </si>
  <si>
    <t>那珂川店</t>
  </si>
  <si>
    <t>九州3尺1本_2100九・那珂川</t>
  </si>
  <si>
    <t>ゑびす醤油</t>
  </si>
  <si>
    <t>ｴﾋﾞｽｼｮｳﾕ</t>
  </si>
  <si>
    <t>九州4尺2本_1800【福岡】</t>
  </si>
  <si>
    <t>九州4尺1本_糖塩漬物風味_1800</t>
  </si>
  <si>
    <t>焼おむすびフィルム縦割</t>
  </si>
  <si>
    <t>2切8枚入</t>
  </si>
  <si>
    <t>九州4尺2本_1800九・西　●</t>
  </si>
  <si>
    <t>有明産味のり卓上</t>
  </si>
  <si>
    <t>12切120枚入</t>
  </si>
  <si>
    <t>九州4尺4本_1800九</t>
  </si>
  <si>
    <t>九州4尺1本_1800九・那珂川</t>
  </si>
  <si>
    <t>九州4尺4本_2100九・西</t>
  </si>
  <si>
    <t>成田店</t>
  </si>
  <si>
    <t>関東3尺2本_1800千葉</t>
  </si>
  <si>
    <t>特撰白みそ</t>
  </si>
  <si>
    <t>ヤマニ味噌</t>
  </si>
  <si>
    <t>ﾔﾏﾆﾐｿ</t>
  </si>
  <si>
    <t>菜の花こしカップ</t>
  </si>
  <si>
    <t>花こうじこしカップ</t>
  </si>
  <si>
    <t>小型関東3尺2本_2100千葉</t>
  </si>
  <si>
    <t>下総醤油</t>
  </si>
  <si>
    <t>290ml</t>
  </si>
  <si>
    <t>ちば醤油</t>
  </si>
  <si>
    <t>ﾁﾊﾞｼｮｳﾕ</t>
  </si>
  <si>
    <t>熟成濃厚キムチチゲ用スープ</t>
  </si>
  <si>
    <t>江戸老舗秘伝の蕎麦露</t>
  </si>
  <si>
    <t>にんべんつゆの素</t>
  </si>
  <si>
    <t>塩・漬物</t>
  </si>
  <si>
    <t>小型関東3尺3本_2100成田店</t>
  </si>
  <si>
    <t>関東・小型3尺3本1800</t>
  </si>
  <si>
    <t>小型関東3尺2本_2100成田店</t>
  </si>
  <si>
    <t>栗原はるみわたしのカレー中辛</t>
  </si>
  <si>
    <t>栗原はるみのデミグラスシチュー</t>
  </si>
  <si>
    <t>栗原はるみトマトのハヤシ</t>
  </si>
  <si>
    <t>赤缶カレーパウダールウ辛口</t>
  </si>
  <si>
    <t>バターチキンカレー中辛</t>
  </si>
  <si>
    <t>すき焼わりしたストレート</t>
  </si>
  <si>
    <t>人形町今半</t>
  </si>
  <si>
    <t>ｲﾏﾊﾝ</t>
  </si>
  <si>
    <t>1550g</t>
  </si>
  <si>
    <t>焼肉のたれおろしポン酢</t>
  </si>
  <si>
    <t>ｼﾞｪｰｵｰｼﾞｪｰ</t>
  </si>
  <si>
    <t>味噌だれの素</t>
  </si>
  <si>
    <t>利根川商店</t>
  </si>
  <si>
    <t>ﾄﾈｶﾞﾜｼｮｳﾃﾝ</t>
  </si>
  <si>
    <t>豚角煮のたれ</t>
  </si>
  <si>
    <t>小型関東3尺3本_2100</t>
  </si>
  <si>
    <t>小型関東3尺2本_1800【千葉】●</t>
  </si>
  <si>
    <t>千葉県産房州ひじき</t>
  </si>
  <si>
    <t>日東海藻</t>
  </si>
  <si>
    <t>ﾆｯﾄｳｶｲｿｳ</t>
  </si>
  <si>
    <t>小型関東3尺3本_2100【7段】</t>
  </si>
  <si>
    <t>小型関東3尺8本_2100_成田</t>
  </si>
  <si>
    <t>小型関東3尺2本_2100成田</t>
  </si>
  <si>
    <t>関東3尺1本_2100</t>
  </si>
  <si>
    <t>屯田店</t>
  </si>
  <si>
    <t>北海道3尺1本_2100標準</t>
  </si>
  <si>
    <t>レヴクリエイト</t>
  </si>
  <si>
    <t>ﾚｳﾞｸﾘｴｲﾄ</t>
  </si>
  <si>
    <t>北海道3尺3本_2100屯田</t>
  </si>
  <si>
    <t>北海道3尺6本_2100</t>
  </si>
  <si>
    <t>北海道3尺4本_2100</t>
  </si>
  <si>
    <t>月寒店</t>
  </si>
  <si>
    <t>今宿店</t>
  </si>
  <si>
    <t>九州3尺2本_1800西・今宿</t>
  </si>
  <si>
    <t>鶴みそ合せ味噌手詰め</t>
  </si>
  <si>
    <t>さしみしょうゆペット</t>
  </si>
  <si>
    <t>北伊醤油</t>
  </si>
  <si>
    <t>ｷﾀｲｼｮｳﾕ</t>
  </si>
  <si>
    <t>うすくち</t>
  </si>
  <si>
    <t>ヤマタカうまくちしょうゆ</t>
  </si>
  <si>
    <t>しょうゆ月星</t>
  </si>
  <si>
    <t>火星こいくち</t>
  </si>
  <si>
    <t>ヤマタカ淡口しょうゆ</t>
  </si>
  <si>
    <t>天</t>
  </si>
  <si>
    <t>九州3尺2本1800西</t>
  </si>
  <si>
    <t>九州4尺1本_1800西・今宿</t>
  </si>
  <si>
    <t>九州3尺2本1800西・今宿</t>
  </si>
  <si>
    <t>九州3尺3本_1800西【ｶ・ｹ】</t>
  </si>
  <si>
    <t>九州3尺2本海苔なし1800九・西●</t>
  </si>
  <si>
    <t>九州3尺3本_1800西・今宿</t>
  </si>
  <si>
    <t>九州3尺3本1800西</t>
  </si>
  <si>
    <t>九州3尺5本_1800西</t>
  </si>
  <si>
    <t>九州3尺8本1800_西・清水</t>
  </si>
  <si>
    <t>中部</t>
  </si>
  <si>
    <t>オーキッドパーク店</t>
  </si>
  <si>
    <t>もろきゅうもろみ</t>
  </si>
  <si>
    <t>中部3尺2本_2100標準</t>
  </si>
  <si>
    <t>すぐとけるみそ赤だし</t>
  </si>
  <si>
    <t>すぐとけるみそあわせ</t>
  </si>
  <si>
    <t>献立いろいろピリ辛みそ</t>
  </si>
  <si>
    <t>あわせ</t>
  </si>
  <si>
    <t>京赤だし</t>
  </si>
  <si>
    <t>減塩特選料亭赤だし</t>
  </si>
  <si>
    <t>サンジルシ醸造</t>
  </si>
  <si>
    <t>ｻﾝｼﾞﾙｼ</t>
  </si>
  <si>
    <t>特選料亭赤だし</t>
  </si>
  <si>
    <t>赤だし味噌銀カップ</t>
  </si>
  <si>
    <t>だし入り料亭合わせカップ</t>
  </si>
  <si>
    <t>だし入り料亭赤だしカップ</t>
  </si>
  <si>
    <t>ゴールド赤だし八丁</t>
  </si>
  <si>
    <t>まるや八丁味噌</t>
  </si>
  <si>
    <t>ﾏﾙﾔﾊｯﾁｮｳ</t>
  </si>
  <si>
    <t>だし入りあわせみそ</t>
  </si>
  <si>
    <t>だし入り赤だし</t>
  </si>
  <si>
    <t>塩糀</t>
  </si>
  <si>
    <t>無為自然豆味噌</t>
  </si>
  <si>
    <t>野田味噌商店</t>
  </si>
  <si>
    <t>ﾏｽﾂﾞｶﾐｿ</t>
  </si>
  <si>
    <t>郡上味噌</t>
  </si>
  <si>
    <t>丸昌醸造場</t>
  </si>
  <si>
    <t>ﾏﾙｼｮｳｼﾞｮｳｿ</t>
  </si>
  <si>
    <t>治郎兵衛郡上みそ</t>
  </si>
  <si>
    <t>ﾏﾙｼｮｳ</t>
  </si>
  <si>
    <t>名古屋味噌</t>
  </si>
  <si>
    <t>蔵吟赤だし　４５０ｇ</t>
  </si>
  <si>
    <t>ﾏﾙﾔﾊｯﾁｮｳﾐｿ</t>
  </si>
  <si>
    <t>うす塩西京白味噌</t>
  </si>
  <si>
    <t>国産純正こうじみそ蔵出し生</t>
  </si>
  <si>
    <t>厳選国産生赤だし</t>
  </si>
  <si>
    <t>芳醇生あわせ</t>
  </si>
  <si>
    <t>芳醇生赤だし</t>
  </si>
  <si>
    <t>ミックス</t>
  </si>
  <si>
    <t>赤だし</t>
  </si>
  <si>
    <t>麦みそ</t>
  </si>
  <si>
    <t>料亭合わせ</t>
  </si>
  <si>
    <t>料亭赤だし</t>
  </si>
  <si>
    <t>中部3尺2本_2100愛知・岐阜</t>
  </si>
  <si>
    <t>卓上国産生醤油</t>
  </si>
  <si>
    <t>国産生しょうゆ</t>
  </si>
  <si>
    <t>国産二度仕込み生しょうゆ</t>
  </si>
  <si>
    <t>国産減塩しょうゆ</t>
  </si>
  <si>
    <t>特選さしみ溜</t>
  </si>
  <si>
    <t>超特選さしみ溜</t>
  </si>
  <si>
    <t>卓上生しょうゆ料亭さしみ醤油</t>
  </si>
  <si>
    <t>白醤油</t>
  </si>
  <si>
    <t>ヤマシン</t>
  </si>
  <si>
    <t>ﾔﾏｼﾝ</t>
  </si>
  <si>
    <t>小麦を使わない丸大豆醤油</t>
  </si>
  <si>
    <t>純生しょうゆペット</t>
  </si>
  <si>
    <t>サンビシ</t>
  </si>
  <si>
    <t>ｻﾝﾋﾞｼ</t>
  </si>
  <si>
    <t>減塩国産しょうゆ</t>
  </si>
  <si>
    <t>昆布椎茸しょうゆ</t>
  </si>
  <si>
    <t>長熟二度仕込みしょうゆ</t>
  </si>
  <si>
    <t>本醸造しょうゆ特級</t>
  </si>
  <si>
    <t>味金ラベル醤油ペット</t>
  </si>
  <si>
    <t>うす塩金ラベル醤油ペット</t>
  </si>
  <si>
    <t>本醸造しょうゆグリップパック</t>
  </si>
  <si>
    <t>中部4尺3本_1800【愛知岐阜】</t>
  </si>
  <si>
    <t>献立いろいろつゆ</t>
  </si>
  <si>
    <t>プチッとうどん明太子うどん</t>
  </si>
  <si>
    <t>22gX4</t>
  </si>
  <si>
    <t>プチッとうどん釜玉うどん</t>
  </si>
  <si>
    <t>23g×4P</t>
  </si>
  <si>
    <t>京料亭白だし</t>
  </si>
  <si>
    <t>新料亭白だし</t>
  </si>
  <si>
    <t>七福醸造</t>
  </si>
  <si>
    <t>ｼﾁﾌｸ</t>
  </si>
  <si>
    <t>あわせだし白だし</t>
  </si>
  <si>
    <t>あわせだしめんつゆ</t>
  </si>
  <si>
    <t>あわせだし昆布つゆ</t>
  </si>
  <si>
    <t>SUGAKIYA和風とんこつ鍋つゆ</t>
  </si>
  <si>
    <t>甲羅かにすきだし</t>
  </si>
  <si>
    <t>まつやとり野菜みそ鍋スープ</t>
  </si>
  <si>
    <t>岐阜タンメン塩タンメン鍋つゆ</t>
  </si>
  <si>
    <t>ストレート豚みそちゃんこ鍋</t>
  </si>
  <si>
    <t>ストレートキムチ鍋つゆ</t>
  </si>
  <si>
    <t>ストレート寄せ鍋つゆ</t>
  </si>
  <si>
    <t>ストレートちゃんこ鍋つゆ</t>
  </si>
  <si>
    <t>赤から鍋スープ1番</t>
  </si>
  <si>
    <t>味仙台湾ラーメン鍋つゆ</t>
  </si>
  <si>
    <t>コーミ</t>
  </si>
  <si>
    <t>ｺｰﾐ</t>
  </si>
  <si>
    <t>中部3尺1本_2100ｵｰｷｯﾄﾞﾊﾟｰｸ</t>
  </si>
  <si>
    <t>内堀醸造美濃特選味付ぽん酢360ml</t>
  </si>
  <si>
    <t>ｳﾘﾎﾞﾘｼﾞｮｳｿ</t>
  </si>
  <si>
    <t>西村商店</t>
  </si>
  <si>
    <t>ﾆｼﾑﾗｼｮｳﾃﾝ</t>
  </si>
  <si>
    <t>中部3尺1本_1800【酒】</t>
  </si>
  <si>
    <t>本みりん　九重櫻　瓶</t>
  </si>
  <si>
    <t>九重味淋</t>
  </si>
  <si>
    <t>ｺｺﾉｴﾐﾘﾝ</t>
  </si>
  <si>
    <t>三州三河みりん　瓶</t>
  </si>
  <si>
    <t>角谷文治郎商店</t>
  </si>
  <si>
    <t>ｶｸﾀﾆ</t>
  </si>
  <si>
    <t>九重本みりん　ペット</t>
  </si>
  <si>
    <t>中部3尺2本_1800</t>
  </si>
  <si>
    <t>中部3尺3本_2100ｵｰｷｯﾄﾞﾊﾟｰｸ</t>
  </si>
  <si>
    <t>きざみ搾菜</t>
  </si>
  <si>
    <t>みそ煮込みうどんスープ</t>
  </si>
  <si>
    <t>うどんスープの素12P東</t>
  </si>
  <si>
    <t>111.6g</t>
  </si>
  <si>
    <t>焼きあごだし</t>
  </si>
  <si>
    <t>だしの素鰹あじ小袋</t>
  </si>
  <si>
    <t>ぬかみそからし</t>
  </si>
  <si>
    <t>旨こん白菜の素</t>
  </si>
  <si>
    <t>39ｇ</t>
  </si>
  <si>
    <t>ｺﾐﾛｰﾅ</t>
  </si>
  <si>
    <t>黒砂糖ブロック</t>
  </si>
  <si>
    <t>沖縄黒砂糖</t>
  </si>
  <si>
    <t>輸入・こだわり商品</t>
  </si>
  <si>
    <t>ライスペーパーのたれ</t>
  </si>
  <si>
    <t>ライスヌードルフォー3.5mm</t>
  </si>
  <si>
    <t>アライドコーポレーション</t>
  </si>
  <si>
    <t>ｱﾗｲﾄﾞ</t>
  </si>
  <si>
    <t>トック国産</t>
  </si>
  <si>
    <t>ブルダックソース</t>
  </si>
  <si>
    <t>カルボブルダックソース</t>
  </si>
  <si>
    <t>エゴマの葉キムチ辛口</t>
  </si>
  <si>
    <t>ｾﾝﾋﾟｮ</t>
  </si>
  <si>
    <t>エゴマの葉キムチ醤油味</t>
  </si>
  <si>
    <t>ココナッツミルクEO缶</t>
  </si>
  <si>
    <t>ドーバーフィールドファーイースト</t>
  </si>
  <si>
    <t>ﾄﾞｰﾊﾞｰﾌｨｰﾙ</t>
  </si>
  <si>
    <t>ヨッポギ超激辛味</t>
  </si>
  <si>
    <t>ブルダックトッポギ</t>
  </si>
  <si>
    <t>カルボブルダックトッポキ</t>
  </si>
  <si>
    <t>178g</t>
  </si>
  <si>
    <t>bibigoタッカルビソース</t>
  </si>
  <si>
    <t>bibigoプルコギソース</t>
  </si>
  <si>
    <t>ビビゴ本格ユッケジャン</t>
  </si>
  <si>
    <t>海鮮にらチヂミ</t>
  </si>
  <si>
    <t>袋ヨッポギ2人前甘辛味</t>
  </si>
  <si>
    <t>袋ヨッポギ2人前チーズ味</t>
  </si>
  <si>
    <t>ジャジャンラッポッキ</t>
  </si>
  <si>
    <t>342g</t>
  </si>
  <si>
    <t>キムチチヂミセット</t>
  </si>
  <si>
    <t>クリームカルボナーラブルダック炒め麺</t>
  </si>
  <si>
    <t>ブルダック炒め麺チーズ</t>
  </si>
  <si>
    <t>the韓プデチゲラーメン</t>
  </si>
  <si>
    <t>HTS</t>
  </si>
  <si>
    <t>hts</t>
  </si>
  <si>
    <t>トムヤムシュリンプ</t>
  </si>
  <si>
    <t>70g×5P</t>
  </si>
  <si>
    <t>ｲﾝﾀ-ﾌﾚｯｼｭ</t>
  </si>
  <si>
    <t>トムヤムシュリンプグリーンカレー</t>
  </si>
  <si>
    <t>ﾔﾑﾔﾑ</t>
  </si>
  <si>
    <t>トムヤムシュリンプクリーム</t>
  </si>
  <si>
    <t>中部3尺1本_1800　7段</t>
  </si>
  <si>
    <t>中部3尺2本_2100ｵｰｷｯﾄﾞﾊﾟｰｸ</t>
  </si>
  <si>
    <t>名古屋グルメ手羽先のたれ</t>
  </si>
  <si>
    <t>79.8g</t>
  </si>
  <si>
    <t>めいほう鶏ちゃんの素</t>
  </si>
  <si>
    <t>味仙青菜炒めの素</t>
  </si>
  <si>
    <t>とりいちの秘伝のたれ</t>
  </si>
  <si>
    <t>丸井食品三重工場</t>
  </si>
  <si>
    <t>ﾏﾙｲｼｮｸﾋﾝ</t>
  </si>
  <si>
    <t>松阪鶏焼き肉のタレ</t>
  </si>
  <si>
    <t>四日市とんてきのたれ</t>
  </si>
  <si>
    <t>焼肉のたれ味噌味</t>
  </si>
  <si>
    <t>610g</t>
  </si>
  <si>
    <t>松屋栄食品本舗</t>
  </si>
  <si>
    <t>ﾏﾂﾔｻｶｴ</t>
  </si>
  <si>
    <t>焼肉のたれ甘口醤油味</t>
  </si>
  <si>
    <t>615g</t>
  </si>
  <si>
    <t>ローストビーフローストポークステーキソース</t>
  </si>
  <si>
    <t>ﾊﾞﾝｼﾞｮｳ</t>
  </si>
  <si>
    <t>ステーキソース</t>
  </si>
  <si>
    <t>あさくま</t>
  </si>
  <si>
    <t>ｱｻｸﾏ</t>
  </si>
  <si>
    <t>木曽路すき焼き割下</t>
  </si>
  <si>
    <t>ごまだれ</t>
  </si>
  <si>
    <t>木曽路</t>
  </si>
  <si>
    <t>ｷｿｼﾞ</t>
  </si>
  <si>
    <t>すき焼専科西</t>
  </si>
  <si>
    <t>ペット塩糀入りすき焼きのたれ</t>
  </si>
  <si>
    <t>赤から監修焼肉のたれ</t>
  </si>
  <si>
    <t>中部3尺2本_2100</t>
  </si>
  <si>
    <t>かけておいしいデミグラスソース</t>
  </si>
  <si>
    <t>デラックス焼そばソース</t>
  </si>
  <si>
    <t>どろスコ</t>
  </si>
  <si>
    <t>ヤマトフーズ</t>
  </si>
  <si>
    <t>ﾔﾏﾄﾌｰｽﾞ</t>
  </si>
  <si>
    <t>コーミコクうまお好みソース</t>
  </si>
  <si>
    <t>コーミオイスターソース200gチューブ</t>
  </si>
  <si>
    <t>ｺ-ﾐ</t>
  </si>
  <si>
    <t>有機野菜と果実使用ウスターソース</t>
  </si>
  <si>
    <t>175ml</t>
  </si>
  <si>
    <t>お弁当用こいくちソース</t>
  </si>
  <si>
    <t>8g×6</t>
  </si>
  <si>
    <t>醸熟ソースミニパックとんかつ</t>
  </si>
  <si>
    <t>10g×6P</t>
  </si>
  <si>
    <t>カゴメ醸熟ソースミニパック中濃</t>
  </si>
  <si>
    <t>太陽ソース</t>
  </si>
  <si>
    <t>太陽食品工業</t>
  </si>
  <si>
    <t>ﾀｲﾖｰｼｮｸﾋﾝ</t>
  </si>
  <si>
    <t>国産野菜とろみのあるソース</t>
  </si>
  <si>
    <t>醸熟ソースこいくち</t>
  </si>
  <si>
    <t>ちびちゃんこいくちソース</t>
  </si>
  <si>
    <t>デラックスこいくちソース</t>
  </si>
  <si>
    <t>中部3尺1本_2100</t>
  </si>
  <si>
    <t>サトウのごはん新潟県産新之助</t>
  </si>
  <si>
    <t>中部3尺3本_2100</t>
  </si>
  <si>
    <t>即席料亭合わせあおさ汁</t>
  </si>
  <si>
    <t>3食入</t>
  </si>
  <si>
    <t>即席料亭赤だし</t>
  </si>
  <si>
    <t>即席料亭合わせ</t>
  </si>
  <si>
    <t>即席減塩料亭赤だし</t>
  </si>
  <si>
    <t>お徳用料亭の味赤だし</t>
  </si>
  <si>
    <t>中部3尺4本1800【和粉抜】</t>
  </si>
  <si>
    <t>北見産紫花豆</t>
  </si>
  <si>
    <t>敷島おつゆ麩</t>
  </si>
  <si>
    <t>しきしま文化麩</t>
  </si>
  <si>
    <t>しきしま白菊麩</t>
  </si>
  <si>
    <t>かんぴょう</t>
  </si>
  <si>
    <t>篠原商店マルモかんぴょう</t>
  </si>
  <si>
    <t>ｼﾉﾊﾗｼｮｳﾃﾝ</t>
  </si>
  <si>
    <t>中部3尺4本_1800●</t>
  </si>
  <si>
    <t>がごめ入りとろろ昆布</t>
  </si>
  <si>
    <t>大洋物産</t>
  </si>
  <si>
    <t>ﾀﾞｲﾖｳﾌﾞｯｻﾝ</t>
  </si>
  <si>
    <t>米ひじき</t>
  </si>
  <si>
    <t>シマウマ</t>
  </si>
  <si>
    <t>ｼﾏｳﾏ</t>
  </si>
  <si>
    <t>島乃香ささめ22g</t>
  </si>
  <si>
    <t>22G</t>
  </si>
  <si>
    <t>採れたて新鮮鳴門産カットわかめ</t>
  </si>
  <si>
    <t>国内産田作り</t>
  </si>
  <si>
    <t>中部3尺2本_1800●</t>
  </si>
  <si>
    <t>青粉</t>
  </si>
  <si>
    <t>おにぎり焼のり</t>
  </si>
  <si>
    <t>3切27枚入</t>
  </si>
  <si>
    <t>焼のり3切40枚</t>
  </si>
  <si>
    <t>磯美人</t>
  </si>
  <si>
    <t>ｲｿﾋﾞｼﾞﾝ</t>
  </si>
  <si>
    <t>浜乙女塩付おにぎりのり3切</t>
  </si>
  <si>
    <t>14ﾏｲ</t>
  </si>
  <si>
    <t>徳用おにぎり味のり</t>
  </si>
  <si>
    <t>味のりおにぎり用</t>
  </si>
  <si>
    <t>味のりあさくさ</t>
  </si>
  <si>
    <t>12切5枚入12袋</t>
  </si>
  <si>
    <t>美味健食味のり8切8枚</t>
  </si>
  <si>
    <t>6ﾌｸﾛ</t>
  </si>
  <si>
    <t>味付のり</t>
  </si>
  <si>
    <t>おにぎりニューラップのり</t>
  </si>
  <si>
    <t>2切6枚入</t>
  </si>
  <si>
    <t>有明手巻海苔</t>
  </si>
  <si>
    <t>20枚</t>
  </si>
  <si>
    <t>かみきれーる手巻のり</t>
  </si>
  <si>
    <t>2切15枚入</t>
  </si>
  <si>
    <t>酢付手巻のり</t>
  </si>
  <si>
    <t>4切20枚入</t>
  </si>
  <si>
    <t>焼き海苔7枚×3P</t>
  </si>
  <si>
    <t>全型21枚入</t>
  </si>
  <si>
    <t>焼のり10枚華印</t>
  </si>
  <si>
    <t>10ﾏｲ</t>
  </si>
  <si>
    <t>焼のり潮乃膳</t>
  </si>
  <si>
    <t>国産焼海苔ひとつ星</t>
  </si>
  <si>
    <t>7ﾏｲ</t>
  </si>
  <si>
    <t>浜乙女遠赤焙焼焼のり10切</t>
  </si>
  <si>
    <t>70ﾏｲ</t>
  </si>
  <si>
    <t>浜乙女味のりてりやき10切70枚</t>
  </si>
  <si>
    <t>粉・和粉</t>
  </si>
  <si>
    <t>扇カネ安食品本舗</t>
  </si>
  <si>
    <t>ｵｳｷﾞｶﾈﾔｽ</t>
  </si>
  <si>
    <t>愛知県産大豆きな粉</t>
  </si>
  <si>
    <t>中部3尺1本_1800</t>
  </si>
  <si>
    <t>厚切パインカットE.O</t>
  </si>
  <si>
    <t>中部3尺3本_1800</t>
  </si>
  <si>
    <t>スパゲッティハウスヨコイのソース</t>
  </si>
  <si>
    <t>日本製麻</t>
  </si>
  <si>
    <t>ﾆﾎﾝｾｲﾏ</t>
  </si>
  <si>
    <t>あんかけパスタソース</t>
  </si>
  <si>
    <t>中部3尺7本_2100ｵｰｷｯﾄﾞﾊﾟｰｸ</t>
  </si>
  <si>
    <t>NEO金ちゃん焼そば復刻版</t>
  </si>
  <si>
    <t>徳島製粉</t>
  </si>
  <si>
    <t>ﾄｸｼﾏｾｲﾌﾝ</t>
  </si>
  <si>
    <t>NEO金ちゃんしお焼そば</t>
  </si>
  <si>
    <t>みそ煮込うどん</t>
  </si>
  <si>
    <t>台湾ラーメン</t>
  </si>
  <si>
    <t>金ちゃんねぎラーメン</t>
  </si>
  <si>
    <t>カップSUGAKIYAラーメン</t>
  </si>
  <si>
    <t>岐阜タンメン</t>
  </si>
  <si>
    <t>金ちゃんヌードル</t>
  </si>
  <si>
    <t>金ちゃんヌードルカレー</t>
  </si>
  <si>
    <t>金ちゃんヌードルしお</t>
  </si>
  <si>
    <t>チャンポンメン</t>
  </si>
  <si>
    <t>みそ煮込5P</t>
  </si>
  <si>
    <t>本店の味メンマ風味しょうゆ味</t>
  </si>
  <si>
    <t>ご当地熱愛麺麺屋はなび監修台湾まぜそば</t>
  </si>
  <si>
    <t>即席Sugakiyaラーメン</t>
  </si>
  <si>
    <t>みそ煮込</t>
  </si>
  <si>
    <t>3食入即席Sugakiyaラーメン</t>
  </si>
  <si>
    <t>333g</t>
  </si>
  <si>
    <t>金ちゃんラーメン</t>
  </si>
  <si>
    <t>103g×5P</t>
  </si>
  <si>
    <t>大矢知の里そうめん</t>
  </si>
  <si>
    <t>カネスエ製麺所</t>
  </si>
  <si>
    <t>ｶﾈｽｴｾｲﾒﾝ</t>
  </si>
  <si>
    <t>金魚印手延素麺</t>
  </si>
  <si>
    <t>サンコク</t>
  </si>
  <si>
    <t>ｻﾝｺｸ</t>
  </si>
  <si>
    <t>大矢知の里ひやむぎ</t>
  </si>
  <si>
    <t>金魚印大矢知手延ひやむぎ2束</t>
  </si>
  <si>
    <t>大矢知手延麺業組合</t>
  </si>
  <si>
    <t>木曽路御岳そば</t>
  </si>
  <si>
    <t>霧しな</t>
  </si>
  <si>
    <t>ｷﾘｼﾅ</t>
  </si>
  <si>
    <t>上州手振りそば</t>
  </si>
  <si>
    <t>ノンカフェ２０種国産ブレンド</t>
  </si>
  <si>
    <t>36p</t>
  </si>
  <si>
    <t>ますぶち園</t>
  </si>
  <si>
    <t>ﾏｽﾌﾞﾁｴﾝ</t>
  </si>
  <si>
    <t>美濃白川茶　しらとり</t>
  </si>
  <si>
    <t>茶畑より直送緑茶</t>
  </si>
  <si>
    <t>農家より直送・かりがね　</t>
  </si>
  <si>
    <t>農家より直送・緑茶　</t>
  </si>
  <si>
    <t>かんたんほうじ茶TB</t>
  </si>
  <si>
    <t>4gx52</t>
  </si>
  <si>
    <t>かんたん緑茶TB</t>
  </si>
  <si>
    <t>加賀棒ほうじ茶ティーバック</t>
  </si>
  <si>
    <t>4gx30</t>
  </si>
  <si>
    <t>西尾の抹茶入り緑茶ＴＢ</t>
  </si>
  <si>
    <t>中部3尺6本_2100</t>
  </si>
  <si>
    <t>筑紫野店</t>
  </si>
  <si>
    <t>特級うまくち</t>
  </si>
  <si>
    <t>醤油かんぜ</t>
  </si>
  <si>
    <t>醤油筑紫</t>
  </si>
  <si>
    <t>特級本醸造丸大豆醤油</t>
  </si>
  <si>
    <t>うまくち減塩しょうゆ</t>
  </si>
  <si>
    <t>減塩あまくち</t>
  </si>
  <si>
    <t>特選丸大豆減塩醤油</t>
  </si>
  <si>
    <t>九州産原料無添加合わせこうじ</t>
  </si>
  <si>
    <t>咲いた合わせみそ</t>
  </si>
  <si>
    <t>650ｇ</t>
  </si>
  <si>
    <t>ふるさとの朝米こうじ</t>
  </si>
  <si>
    <t>国産素材のあわせ味噌</t>
  </si>
  <si>
    <t>しょんしょん</t>
  </si>
  <si>
    <t>九州あわせみそ</t>
  </si>
  <si>
    <t>ますやみそ液みそ合わせみそ４２０ｇ</t>
  </si>
  <si>
    <t>液みそとん汁専用</t>
  </si>
  <si>
    <t>フンドーキン九州仕立て液状麦みそ350g</t>
  </si>
  <si>
    <t>生きてる液状みそ</t>
  </si>
  <si>
    <t>九州3尺2本_1800SMART</t>
  </si>
  <si>
    <t>有機野菜と果実使用とんかつソース</t>
  </si>
  <si>
    <t>淡路島ソース旨味</t>
  </si>
  <si>
    <t>浜田屋本店</t>
  </si>
  <si>
    <t>ﾊﾏﾀﾞﾔﾎﾝﾃﾝ</t>
  </si>
  <si>
    <t>西九州3尺6本_1800久留米</t>
  </si>
  <si>
    <t>九州3尺3本_2100九・西【ｶ・ｹ】</t>
  </si>
  <si>
    <t>九州3尺2本_2100九・西　西分割</t>
  </si>
  <si>
    <t>九州3尺2本_2100九</t>
  </si>
  <si>
    <t>新発寒店</t>
  </si>
  <si>
    <t>紅一点無添加みそ</t>
  </si>
  <si>
    <t>北海道仕込みみそ赤つぶカップ</t>
  </si>
  <si>
    <t>マルサ昆布だしみそ</t>
  </si>
  <si>
    <t>しじみ80個分オルニチンみそ</t>
  </si>
  <si>
    <t>マルサ本格だし入りみそ</t>
  </si>
  <si>
    <t>紅一点だし入こうじみそタッチポン付</t>
  </si>
  <si>
    <t>濃厚酢</t>
  </si>
  <si>
    <t>カクマン</t>
  </si>
  <si>
    <t>ｶｸﾏﾝ</t>
  </si>
  <si>
    <t>北海道3尺4本_1800</t>
  </si>
  <si>
    <t>宮崎県産切り干し大根</t>
  </si>
  <si>
    <t>煎りたて一番金</t>
  </si>
  <si>
    <t>擂りたて一番金</t>
  </si>
  <si>
    <t>内麦みそ汁麩</t>
  </si>
  <si>
    <t>前原食品工業</t>
  </si>
  <si>
    <t>ﾏｴﾊﾗｼｮｸﾋﾝ</t>
  </si>
  <si>
    <t>巻き麩</t>
  </si>
  <si>
    <t>花麩</t>
  </si>
  <si>
    <t>北海道3尺7本_1800</t>
  </si>
  <si>
    <t>琴似店</t>
  </si>
  <si>
    <t>北海道3尺10本_1800</t>
  </si>
  <si>
    <t>麻辣湯スープ春雨mini</t>
  </si>
  <si>
    <t>ｲﾊｲ</t>
  </si>
  <si>
    <t>酸辣湯スープ春雨mini</t>
  </si>
  <si>
    <t>中華三昧栄林トマト酸辣湯スープ</t>
  </si>
  <si>
    <t>中華スープ蟹・わかめ</t>
  </si>
  <si>
    <t>マルちゃん素材のチカラまいたけスープ5P</t>
  </si>
  <si>
    <t>4.3g×5</t>
  </si>
  <si>
    <t>クノールポタージュで食べる豆と野菜北海道コーン</t>
  </si>
  <si>
    <t>クレアおばさんの具だくさんクリームチャウダー</t>
  </si>
  <si>
    <t>クノールポタージュで食べる豆と野菜クラム</t>
  </si>
  <si>
    <t>北海道3尺6本_1800</t>
  </si>
  <si>
    <t>烏龍茶ティーバッグ</t>
  </si>
  <si>
    <t>農家のほうじ茶</t>
  </si>
  <si>
    <t>糸島荻浦店</t>
  </si>
  <si>
    <t>九州3尺2本_1800糸島</t>
  </si>
  <si>
    <t>九州4尺2本_1800糸島</t>
  </si>
  <si>
    <t>カノオ醤油味噌醸造元</t>
  </si>
  <si>
    <t>ｶﾉｳｼﾖｳﾕ</t>
  </si>
  <si>
    <t>大和合わせみそ</t>
  </si>
  <si>
    <t>大和味噌醸造</t>
  </si>
  <si>
    <t>ﾔﾏﾄﾐｿ</t>
  </si>
  <si>
    <t>乾味百撰かつおだしパック</t>
  </si>
  <si>
    <t>10g×8P</t>
  </si>
  <si>
    <t>林久右衛門商店</t>
  </si>
  <si>
    <t>ﾊﾔｼｷｭｳｴﾓﾝ</t>
  </si>
  <si>
    <t>乾味百撰あわせだしパック</t>
  </si>
  <si>
    <t>乾味百撰あごだしパック</t>
  </si>
  <si>
    <t>八年庵博多うまかだし</t>
  </si>
  <si>
    <t>8g×16袋入</t>
  </si>
  <si>
    <t>八年庵</t>
  </si>
  <si>
    <t>ﾊﾁﾈﾝｱﾝ</t>
  </si>
  <si>
    <t>九州3尺8本_2100九・西</t>
  </si>
  <si>
    <t>九州3尺2本2100臨時糸島荻浦</t>
  </si>
  <si>
    <t>九州3尺3本_1800</t>
  </si>
  <si>
    <t>アクロスプラザ篠栗店</t>
  </si>
  <si>
    <t>九州3尺2本_2100九・西　●【篠</t>
  </si>
  <si>
    <t>九州3尺1本_2100九・西【篠栗】</t>
  </si>
  <si>
    <t>九州3尺2本_1800篠栗</t>
  </si>
  <si>
    <t>ジョーキュウ</t>
  </si>
  <si>
    <t>ｼﾞﾖ-ｷﾕｳ</t>
  </si>
  <si>
    <t>冨士正吟撰</t>
  </si>
  <si>
    <t>スターアグリ</t>
  </si>
  <si>
    <t>ﾌｼﾞﾏｻ</t>
  </si>
  <si>
    <t>九州3尺6本_2100九</t>
  </si>
  <si>
    <t>九州3尺7本_2100九</t>
  </si>
  <si>
    <t>食塩不使用シーチキンマイルドSP3</t>
  </si>
  <si>
    <t>とりささみフレーク食塩無添加</t>
  </si>
  <si>
    <t>日本のいわし梅じそ風味</t>
  </si>
  <si>
    <t>オリーブオイルサーディン</t>
  </si>
  <si>
    <t>90g×3P</t>
  </si>
  <si>
    <t>サバ水煮</t>
  </si>
  <si>
    <t>ｲﾄｳｼｮｸﾋﾝ</t>
  </si>
  <si>
    <t>食塩不使用鯖水煮</t>
  </si>
  <si>
    <t>伊藤食品</t>
  </si>
  <si>
    <t>サバ味噌煮</t>
  </si>
  <si>
    <t>辛さ増し増し香ばしラー油</t>
  </si>
  <si>
    <t>にんにくゼロおかずラー油</t>
  </si>
  <si>
    <t>にんにくみそ</t>
  </si>
  <si>
    <t>ごはんですよお徳用</t>
  </si>
  <si>
    <t>おいしい焼き塩さば</t>
  </si>
  <si>
    <t>たらこと鮭</t>
  </si>
  <si>
    <t>富岡バイパス店</t>
  </si>
  <si>
    <t>関東3尺2本_1800標準</t>
  </si>
  <si>
    <t>小型関東3尺2本_1800栃木・群馬</t>
  </si>
  <si>
    <t>関東3尺1本_1800【酒】</t>
  </si>
  <si>
    <t>関東・小型3尺2本_1800</t>
  </si>
  <si>
    <t>銀だこソース</t>
  </si>
  <si>
    <t>ホットランド</t>
  </si>
  <si>
    <t>小型関東3尺4本_2100</t>
  </si>
  <si>
    <t>関東3尺3本_1800●</t>
  </si>
  <si>
    <t>関東3尺3本_2100</t>
  </si>
  <si>
    <t>関東3尺3本_1800</t>
  </si>
  <si>
    <t>関東3尺10本_1800</t>
  </si>
  <si>
    <t>ビッグごまみそラーメン</t>
  </si>
  <si>
    <t>関東3尺3本_1800【6段】</t>
  </si>
  <si>
    <t>関東3尺5本_2100</t>
  </si>
  <si>
    <t>関東3尺3本_1800棚替反映用</t>
  </si>
  <si>
    <t>毎日の健康茶ごぼうブレンドティーバッグ</t>
  </si>
  <si>
    <t>14袋</t>
  </si>
  <si>
    <t>藤岡宮本店</t>
  </si>
  <si>
    <t>関東3尺5本_1800</t>
  </si>
  <si>
    <t>関東3尺4本_2100</t>
  </si>
  <si>
    <t>上尾小泉店</t>
  </si>
  <si>
    <t>関東・小型3尺3本_1800上尾小泉</t>
  </si>
  <si>
    <t>無添加まぼろしの味噌米麦あわせ</t>
  </si>
  <si>
    <t>山内本店</t>
  </si>
  <si>
    <t>ﾔﾏｳﾁﾎﾝﾃﾝ</t>
  </si>
  <si>
    <t>昔ながらの天然醸造無添加</t>
  </si>
  <si>
    <t>山印醸造</t>
  </si>
  <si>
    <t>ﾔﾏｼﾞﾙｼ</t>
  </si>
  <si>
    <t>山吹味噌無添加塩分ひかえめ</t>
  </si>
  <si>
    <t>関東・小型3尺1本_1800Smrat</t>
  </si>
  <si>
    <t>関東・小型3尺4本_1800</t>
  </si>
  <si>
    <t>はるさめくるくるボール</t>
  </si>
  <si>
    <t>関東・小型3尺2本_1800上尾小泉</t>
  </si>
  <si>
    <t>関東3尺2本_1800（オリーブ別）</t>
  </si>
  <si>
    <t>関東・小型3尺3本_1800Smart</t>
  </si>
  <si>
    <t>ノンオイルドレ減塩サウザン</t>
  </si>
  <si>
    <t>日向夏ごまドレッシング</t>
  </si>
  <si>
    <t>瀬戸内レモンドレッシング</t>
  </si>
  <si>
    <t>クリーミーサウザンアイランドドレッシング</t>
  </si>
  <si>
    <t>ｹﾝｺ-ﾏﾖﾈ-ｽﾞ</t>
  </si>
  <si>
    <t>深煎りごまゆずテイストドレッシング</t>
  </si>
  <si>
    <t>関東・小型3尺1本_1800Smart</t>
  </si>
  <si>
    <t>関東・小型3尺3本_1800</t>
  </si>
  <si>
    <t>関東3尺3本_1800フック有り</t>
  </si>
  <si>
    <t>辛ラーメン焼きそばカップ</t>
  </si>
  <si>
    <t>関東3尺7本_1800_Smart</t>
  </si>
  <si>
    <t>関東・小型3尺7本_1800</t>
  </si>
  <si>
    <t>ドルチェグストバリスタミッキーアイスバラエティカプセルセット</t>
  </si>
  <si>
    <t>131.4g</t>
  </si>
  <si>
    <t>関東3尺3本_1800_SMART</t>
  </si>
  <si>
    <t>中華三昧赤坂栄林酸辣湯麺</t>
  </si>
  <si>
    <t>中華三昧赤坂璃宮</t>
  </si>
  <si>
    <t>小型関東3尺1本_1800BOX</t>
  </si>
  <si>
    <t>佐世保大塔店</t>
  </si>
  <si>
    <t>九州3尺3本_1800佐世保大塔</t>
  </si>
  <si>
    <t>えびつゆ</t>
  </si>
  <si>
    <t>あごつゆ</t>
  </si>
  <si>
    <t>長崎割烹白だし</t>
  </si>
  <si>
    <t>煮たらうまか濃口</t>
  </si>
  <si>
    <t>ヨーコー商事</t>
  </si>
  <si>
    <t>ﾖｰｺｰ</t>
  </si>
  <si>
    <t>九州3尺2本_1800佐世保大塔</t>
  </si>
  <si>
    <t>岩野上醤油醸造場</t>
  </si>
  <si>
    <t>ｲﾜﾉｳｴｼｮｳﾕ</t>
  </si>
  <si>
    <t>濃口しょうゆ</t>
  </si>
  <si>
    <t>いなかもろみ</t>
  </si>
  <si>
    <t>長崎麦みそ無添加</t>
  </si>
  <si>
    <t>ﾁﾖ-ｺ-</t>
  </si>
  <si>
    <t>田舎みそすり</t>
  </si>
  <si>
    <t>長崎だよりあわせ</t>
  </si>
  <si>
    <t>純正長崎みそ</t>
  </si>
  <si>
    <t>甘口麦田舎みそ</t>
  </si>
  <si>
    <t>合せみそ</t>
  </si>
  <si>
    <t>太白みそ</t>
  </si>
  <si>
    <t>子守　島原の子守みそ　　　　　　　　　　</t>
  </si>
  <si>
    <t>昔みそ</t>
  </si>
  <si>
    <t>九州3尺3本1800長崎</t>
  </si>
  <si>
    <t>ノンオイルゆずドレッシング</t>
  </si>
  <si>
    <t>九州3尺2本_1800長崎佐賀</t>
  </si>
  <si>
    <t>金蝶ソースウスター</t>
  </si>
  <si>
    <t>九州3尺4本_1800【ｶ・ｹ】</t>
  </si>
  <si>
    <t>緑豆春雨小玉</t>
  </si>
  <si>
    <t>丸成商事</t>
  </si>
  <si>
    <t>ﾏﾙｾｲｼｮｳｼﾞ</t>
  </si>
  <si>
    <t>九州3尺2本_1800長崎</t>
  </si>
  <si>
    <t>そのぎ茶菊翠</t>
  </si>
  <si>
    <t>そのぎ茶</t>
  </si>
  <si>
    <t>日々彩々彼杵茶さわやか</t>
  </si>
  <si>
    <t>嬉野茶さわやか</t>
  </si>
  <si>
    <t>筑豊</t>
  </si>
  <si>
    <t>福津店</t>
  </si>
  <si>
    <t>九州3尺2本_1800福津</t>
  </si>
  <si>
    <t>あまくておいしいあわせみそ</t>
  </si>
  <si>
    <t>無添加合わせみそ</t>
  </si>
  <si>
    <t>青柳醤油</t>
  </si>
  <si>
    <t>ｱｵﾔｷﾞｼｮｳﾕ</t>
  </si>
  <si>
    <t>たまごかけ醤油</t>
  </si>
  <si>
    <t>ナカマル醤油醸造元</t>
  </si>
  <si>
    <t>ﾅｶﾏﾙ</t>
  </si>
  <si>
    <t>うまくち寿</t>
  </si>
  <si>
    <t>ﾅｶﾏﾙｼｮｳﾕ</t>
  </si>
  <si>
    <t>マルヨシ醤油</t>
  </si>
  <si>
    <t>ﾏﾙﾖｼｼｮｳﾕ</t>
  </si>
  <si>
    <t>博多あまくち</t>
  </si>
  <si>
    <t>上級うすくち</t>
  </si>
  <si>
    <t>九州3尺1本_2100福津店</t>
  </si>
  <si>
    <t>九州3尺2本_1800西・清水</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9" formatCode="0_);[Red]\(0\)"/>
  </numFmts>
  <fonts count="19" x14ac:knownFonts="1">
    <font>
      <sz val="11"/>
      <color theme="1"/>
      <name val="Meiryo UI"/>
      <family val="2"/>
      <charset val="128"/>
    </font>
    <font>
      <sz val="11"/>
      <color theme="1"/>
      <name val="Meiryo UI"/>
      <family val="2"/>
      <charset val="128"/>
    </font>
    <font>
      <sz val="18"/>
      <color theme="3"/>
      <name val="游ゴシック Light"/>
      <family val="2"/>
      <charset val="128"/>
      <scheme val="major"/>
    </font>
    <font>
      <b/>
      <sz val="15"/>
      <color theme="3"/>
      <name val="Meiryo UI"/>
      <family val="2"/>
      <charset val="128"/>
    </font>
    <font>
      <b/>
      <sz val="13"/>
      <color theme="3"/>
      <name val="Meiryo UI"/>
      <family val="2"/>
      <charset val="128"/>
    </font>
    <font>
      <b/>
      <sz val="11"/>
      <color theme="3"/>
      <name val="Meiryo UI"/>
      <family val="2"/>
      <charset val="128"/>
    </font>
    <font>
      <sz val="11"/>
      <color rgb="FF006100"/>
      <name val="Meiryo UI"/>
      <family val="2"/>
      <charset val="128"/>
    </font>
    <font>
      <sz val="11"/>
      <color rgb="FF9C0006"/>
      <name val="Meiryo UI"/>
      <family val="2"/>
      <charset val="128"/>
    </font>
    <font>
      <sz val="11"/>
      <color rgb="FF9C5700"/>
      <name val="Meiryo UI"/>
      <family val="2"/>
      <charset val="128"/>
    </font>
    <font>
      <sz val="11"/>
      <color rgb="FF3F3F76"/>
      <name val="Meiryo UI"/>
      <family val="2"/>
      <charset val="128"/>
    </font>
    <font>
      <b/>
      <sz val="11"/>
      <color rgb="FF3F3F3F"/>
      <name val="Meiryo UI"/>
      <family val="2"/>
      <charset val="128"/>
    </font>
    <font>
      <b/>
      <sz val="11"/>
      <color rgb="FFFA7D00"/>
      <name val="Meiryo UI"/>
      <family val="2"/>
      <charset val="128"/>
    </font>
    <font>
      <sz val="11"/>
      <color rgb="FFFA7D00"/>
      <name val="Meiryo UI"/>
      <family val="2"/>
      <charset val="128"/>
    </font>
    <font>
      <b/>
      <sz val="11"/>
      <color theme="0"/>
      <name val="Meiryo UI"/>
      <family val="2"/>
      <charset val="128"/>
    </font>
    <font>
      <sz val="11"/>
      <color rgb="FFFF0000"/>
      <name val="Meiryo UI"/>
      <family val="2"/>
      <charset val="128"/>
    </font>
    <font>
      <i/>
      <sz val="11"/>
      <color rgb="FF7F7F7F"/>
      <name val="Meiryo UI"/>
      <family val="2"/>
      <charset val="128"/>
    </font>
    <font>
      <b/>
      <sz val="11"/>
      <color theme="1"/>
      <name val="Meiryo UI"/>
      <family val="2"/>
      <charset val="128"/>
    </font>
    <font>
      <sz val="11"/>
      <color theme="0"/>
      <name val="Meiryo UI"/>
      <family val="2"/>
      <charset val="128"/>
    </font>
    <font>
      <sz val="6"/>
      <name val="Meiryo UI"/>
      <family val="2"/>
      <charset val="128"/>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alignment vertical="center"/>
    </xf>
    <xf numFmtId="0" fontId="2" fillId="0" borderId="0" applyNumberFormat="0" applyFill="0" applyBorder="0" applyAlignment="0" applyProtection="0">
      <alignment vertical="center"/>
    </xf>
    <xf numFmtId="0" fontId="3" fillId="0" borderId="1" applyNumberFormat="0" applyFill="0" applyAlignment="0" applyProtection="0">
      <alignment vertical="center"/>
    </xf>
    <xf numFmtId="0" fontId="4" fillId="0" borderId="2" applyNumberFormat="0" applyFill="0" applyAlignment="0" applyProtection="0">
      <alignment vertical="center"/>
    </xf>
    <xf numFmtId="0" fontId="5" fillId="0" borderId="3" applyNumberFormat="0" applyFill="0" applyAlignment="0" applyProtection="0">
      <alignment vertical="center"/>
    </xf>
    <xf numFmtId="0" fontId="5" fillId="0" borderId="0" applyNumberFormat="0" applyFill="0" applyBorder="0" applyAlignment="0" applyProtection="0">
      <alignment vertical="center"/>
    </xf>
    <xf numFmtId="0" fontId="6" fillId="2" borderId="0" applyNumberFormat="0" applyBorder="0" applyAlignment="0" applyProtection="0">
      <alignment vertical="center"/>
    </xf>
    <xf numFmtId="0" fontId="7" fillId="3" borderId="0" applyNumberFormat="0" applyBorder="0" applyAlignment="0" applyProtection="0">
      <alignment vertical="center"/>
    </xf>
    <xf numFmtId="0" fontId="8" fillId="4" borderId="0" applyNumberFormat="0" applyBorder="0" applyAlignment="0" applyProtection="0">
      <alignment vertical="center"/>
    </xf>
    <xf numFmtId="0" fontId="9" fillId="5" borderId="4" applyNumberFormat="0" applyAlignment="0" applyProtection="0">
      <alignment vertical="center"/>
    </xf>
    <xf numFmtId="0" fontId="10" fillId="6" borderId="5" applyNumberFormat="0" applyAlignment="0" applyProtection="0">
      <alignment vertical="center"/>
    </xf>
    <xf numFmtId="0" fontId="11" fillId="6" borderId="4" applyNumberFormat="0" applyAlignment="0" applyProtection="0">
      <alignment vertical="center"/>
    </xf>
    <xf numFmtId="0" fontId="12" fillId="0" borderId="6" applyNumberFormat="0" applyFill="0" applyAlignment="0" applyProtection="0">
      <alignment vertical="center"/>
    </xf>
    <xf numFmtId="0" fontId="13" fillId="7" borderId="7" applyNumberFormat="0" applyAlignment="0" applyProtection="0">
      <alignment vertical="center"/>
    </xf>
    <xf numFmtId="0" fontId="14" fillId="0" borderId="0" applyNumberFormat="0" applyFill="0" applyBorder="0" applyAlignment="0" applyProtection="0">
      <alignment vertical="center"/>
    </xf>
    <xf numFmtId="0" fontId="1" fillId="8" borderId="8" applyNumberFormat="0" applyFont="0" applyAlignment="0" applyProtection="0">
      <alignment vertical="center"/>
    </xf>
    <xf numFmtId="0" fontId="15" fillId="0" borderId="0" applyNumberFormat="0" applyFill="0" applyBorder="0" applyAlignment="0" applyProtection="0">
      <alignment vertical="center"/>
    </xf>
    <xf numFmtId="0" fontId="16" fillId="0" borderId="9" applyNumberFormat="0" applyFill="0" applyAlignment="0" applyProtection="0">
      <alignment vertical="center"/>
    </xf>
    <xf numFmtId="0" fontId="17"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 fillId="12" borderId="0" applyNumberFormat="0" applyBorder="0" applyAlignment="0" applyProtection="0">
      <alignment vertical="center"/>
    </xf>
    <xf numFmtId="0" fontId="17"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1" fillId="16" borderId="0" applyNumberFormat="0" applyBorder="0" applyAlignment="0" applyProtection="0">
      <alignment vertical="center"/>
    </xf>
    <xf numFmtId="0" fontId="17"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1" fillId="20" borderId="0" applyNumberFormat="0" applyBorder="0" applyAlignment="0" applyProtection="0">
      <alignment vertical="center"/>
    </xf>
    <xf numFmtId="0" fontId="17"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1" fillId="24" borderId="0" applyNumberFormat="0" applyBorder="0" applyAlignment="0" applyProtection="0">
      <alignment vertical="center"/>
    </xf>
    <xf numFmtId="0" fontId="17"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1" fillId="28" borderId="0" applyNumberFormat="0" applyBorder="0" applyAlignment="0" applyProtection="0">
      <alignment vertical="center"/>
    </xf>
    <xf numFmtId="0" fontId="17"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1" fillId="32" borderId="0" applyNumberFormat="0" applyBorder="0" applyAlignment="0" applyProtection="0">
      <alignment vertical="center"/>
    </xf>
  </cellStyleXfs>
  <cellXfs count="2">
    <xf numFmtId="0" fontId="0" fillId="0" borderId="0" xfId="0">
      <alignment vertical="center"/>
    </xf>
    <xf numFmtId="179" fontId="0" fillId="0" borderId="0" xfId="0" applyNumberFormat="1">
      <alignment vertical="center"/>
    </xf>
  </cellXfs>
  <cellStyles count="42">
    <cellStyle name="20% - アクセント 1" xfId="19" builtinId="30" customBuiltin="1"/>
    <cellStyle name="20% - アクセント 2" xfId="23" builtinId="34" customBuiltin="1"/>
    <cellStyle name="20% - アクセント 3" xfId="27" builtinId="38" customBuiltin="1"/>
    <cellStyle name="20% - アクセント 4" xfId="31" builtinId="42" customBuiltin="1"/>
    <cellStyle name="20% - アクセント 5" xfId="35" builtinId="46" customBuiltin="1"/>
    <cellStyle name="20% - アクセント 6" xfId="39" builtinId="50" customBuiltin="1"/>
    <cellStyle name="40% - アクセント 1" xfId="20" builtinId="31" customBuiltin="1"/>
    <cellStyle name="40% - アクセント 2" xfId="24" builtinId="35" customBuiltin="1"/>
    <cellStyle name="40% - アクセント 3" xfId="28" builtinId="39" customBuiltin="1"/>
    <cellStyle name="40% - アクセント 4" xfId="32" builtinId="43" customBuiltin="1"/>
    <cellStyle name="40% - アクセント 5" xfId="36" builtinId="47" customBuiltin="1"/>
    <cellStyle name="40% - アクセント 6" xfId="40" builtinId="51" customBuiltin="1"/>
    <cellStyle name="60% - アクセント 1" xfId="21" builtinId="32" customBuiltin="1"/>
    <cellStyle name="60% - アクセント 2" xfId="25" builtinId="36" customBuiltin="1"/>
    <cellStyle name="60% - アクセント 3" xfId="29" builtinId="40" customBuiltin="1"/>
    <cellStyle name="60% - アクセント 4" xfId="33" builtinId="44" customBuiltin="1"/>
    <cellStyle name="60% - アクセント 5" xfId="37" builtinId="48" customBuiltin="1"/>
    <cellStyle name="60% - アクセント 6" xfId="41" builtinId="52" customBuiltin="1"/>
    <cellStyle name="アクセント 1" xfId="18" builtinId="29" customBuiltin="1"/>
    <cellStyle name="アクセント 2" xfId="22" builtinId="33" customBuiltin="1"/>
    <cellStyle name="アクセント 3" xfId="26" builtinId="37" customBuiltin="1"/>
    <cellStyle name="アクセント 4" xfId="30" builtinId="41" customBuiltin="1"/>
    <cellStyle name="アクセント 5" xfId="34" builtinId="45" customBuiltin="1"/>
    <cellStyle name="アクセント 6" xfId="38" builtinId="49" customBuiltin="1"/>
    <cellStyle name="タイトル" xfId="1" builtinId="15" customBuiltin="1"/>
    <cellStyle name="チェック セル" xfId="13" builtinId="23" customBuiltin="1"/>
    <cellStyle name="どちらでもない" xfId="8" builtinId="28" customBuiltin="1"/>
    <cellStyle name="メモ" xfId="15" builtinId="10" customBuiltin="1"/>
    <cellStyle name="リンク セル" xfId="12" builtinId="24" customBuiltin="1"/>
    <cellStyle name="悪い" xfId="7" builtinId="27" customBuiltin="1"/>
    <cellStyle name="計算" xfId="11" builtinId="22" customBuiltin="1"/>
    <cellStyle name="警告文" xfId="14" builtinId="11" customBuiltin="1"/>
    <cellStyle name="見出し 1" xfId="2" builtinId="16" customBuiltin="1"/>
    <cellStyle name="見出し 2" xfId="3" builtinId="17" customBuiltin="1"/>
    <cellStyle name="見出し 3" xfId="4" builtinId="18" customBuiltin="1"/>
    <cellStyle name="見出し 4" xfId="5" builtinId="19" customBuiltin="1"/>
    <cellStyle name="集計" xfId="17" builtinId="25" customBuiltin="1"/>
    <cellStyle name="出力" xfId="10" builtinId="21" customBuiltin="1"/>
    <cellStyle name="説明文" xfId="16" builtinId="53" customBuiltin="1"/>
    <cellStyle name="入力" xfId="9" builtinId="20" customBuiltin="1"/>
    <cellStyle name="標準" xfId="0" builtinId="0"/>
    <cellStyle name="良い" xfId="6" builtinId="26" customBuiltin="1"/>
  </cellStyles>
  <dxfs count="1">
    <dxf>
      <font>
        <color rgb="FF9C0006"/>
      </font>
      <fill>
        <patternFill>
          <bgColor rgb="FFFFC7CE"/>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マスタ_20251101092543_1680859</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宮﨑　優</dc:creator>
  <cp:lastModifiedBy>Miyazaki,YuTKZRGjsma</cp:lastModifiedBy>
  <dcterms:created xsi:type="dcterms:W3CDTF">2025-11-01T00:38:06Z</dcterms:created>
  <dcterms:modified xsi:type="dcterms:W3CDTF">2025-11-01T00:48:20Z</dcterms:modified>
</cp:coreProperties>
</file>